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sec\s1383\groupR7\02_難病対策グループ\30_指定医\06_指定医一覧（ホームページ公表用）\現在\"/>
    </mc:Choice>
  </mc:AlternateContent>
  <xr:revisionPtr revIDLastSave="0" documentId="13_ncr:1_{0136C6A8-CFA2-48B4-B411-FCBAF6A1C126}" xr6:coauthVersionLast="47" xr6:coauthVersionMax="47" xr10:uidLastSave="{00000000-0000-0000-0000-000000000000}"/>
  <bookViews>
    <workbookView xWindow="-120" yWindow="-120" windowWidth="29040" windowHeight="15720" xr2:uid="{CAFC8312-9871-43D0-B1E9-BC1396B00CF9}"/>
  </bookViews>
  <sheets>
    <sheet name="協力難病指定医一覧" sheetId="1" r:id="rId1"/>
  </sheets>
  <definedNames>
    <definedName name="_xlnm._FilterDatabase" localSheetId="0" hidden="1">協力難病指定医一覧!$A$3:$F$58</definedName>
    <definedName name="_xlnm.Print_Area" localSheetId="0">協力難病指定医一覧!$A$1:$F$5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82" uniqueCount="195">
  <si>
    <t>氏名</t>
    <rPh sb="0" eb="2">
      <t>シメイ</t>
    </rPh>
    <phoneticPr fontId="4"/>
  </si>
  <si>
    <t>主として指定難病の診断を行う医療機関</t>
    <rPh sb="0" eb="1">
      <t>シュ</t>
    </rPh>
    <rPh sb="4" eb="6">
      <t>シテイ</t>
    </rPh>
    <rPh sb="6" eb="8">
      <t>ナンビョウ</t>
    </rPh>
    <rPh sb="9" eb="11">
      <t>シンダン</t>
    </rPh>
    <rPh sb="12" eb="13">
      <t>オコナ</t>
    </rPh>
    <rPh sb="14" eb="16">
      <t>イリョウ</t>
    </rPh>
    <rPh sb="16" eb="18">
      <t>キカン</t>
    </rPh>
    <phoneticPr fontId="4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5"/>
  </si>
  <si>
    <t>名称</t>
    <rPh sb="0" eb="2">
      <t>メイショウ</t>
    </rPh>
    <phoneticPr fontId="4"/>
  </si>
  <si>
    <t>市町村
（検索用）</t>
    <rPh sb="0" eb="3">
      <t>シチョウソン</t>
    </rPh>
    <rPh sb="5" eb="8">
      <t>ケンサクヨウ</t>
    </rPh>
    <phoneticPr fontId="5"/>
  </si>
  <si>
    <t>所在地</t>
    <rPh sb="0" eb="3">
      <t>ショザイチ</t>
    </rPh>
    <phoneticPr fontId="5"/>
  </si>
  <si>
    <t>担当する診療科</t>
    <rPh sb="0" eb="2">
      <t>タントウ</t>
    </rPh>
    <rPh sb="4" eb="6">
      <t>シンリョウ</t>
    </rPh>
    <rPh sb="6" eb="7">
      <t>カ</t>
    </rPh>
    <phoneticPr fontId="4"/>
  </si>
  <si>
    <t>小関　隆</t>
  </si>
  <si>
    <t>コンフォート衣笠クリニック</t>
  </si>
  <si>
    <t>横須賀市</t>
  </si>
  <si>
    <t>横須賀市衣笠町44-4</t>
  </si>
  <si>
    <t>内科</t>
  </si>
  <si>
    <t>廣井 稔厚</t>
  </si>
  <si>
    <t>横須賀市衣笠町44－44－4</t>
  </si>
  <si>
    <t>訪問診療</t>
  </si>
  <si>
    <t>中村　勝利</t>
  </si>
  <si>
    <t>横須賀南クリニック</t>
  </si>
  <si>
    <t>横須賀市根岸町1-9-9 1F</t>
  </si>
  <si>
    <t>片山　弘文</t>
  </si>
  <si>
    <t>すばるメディカルクリニック</t>
  </si>
  <si>
    <t>横須賀市若松町3-14</t>
  </si>
  <si>
    <t>内科、皮膚科、眼科</t>
  </si>
  <si>
    <t>下川　広治</t>
  </si>
  <si>
    <t>秋谷潮かぜ診療所</t>
  </si>
  <si>
    <t>横須賀市秋谷4430-2F</t>
  </si>
  <si>
    <t>西村　京子</t>
  </si>
  <si>
    <t>渕上　正弘</t>
  </si>
  <si>
    <t>渕上内科クリニック</t>
  </si>
  <si>
    <t>横須賀市太田和1-1-8　浅葉クリニックビル3F</t>
  </si>
  <si>
    <t>消化器内科</t>
  </si>
  <si>
    <t>前田　長生</t>
  </si>
  <si>
    <t>大滝町乳腺消化器クリニック</t>
  </si>
  <si>
    <t>横須賀市大滝町2-12　ヨコスカタワー7F</t>
  </si>
  <si>
    <t>小川　伸郎</t>
  </si>
  <si>
    <t>ながいクリニック</t>
  </si>
  <si>
    <t>横須賀市長井3-33-1</t>
  </si>
  <si>
    <t>内科、外科、リハビリテーション科</t>
  </si>
  <si>
    <t>大田　祥一</t>
  </si>
  <si>
    <t>大田クリニック</t>
  </si>
  <si>
    <t>横須賀市追浜町2-7-15</t>
  </si>
  <si>
    <t>大橋　正嗣</t>
  </si>
  <si>
    <t>ひまわり耳鼻咽喉科</t>
  </si>
  <si>
    <t>横須賀市追浜町3-2　ナスカクリニックビル2F</t>
  </si>
  <si>
    <t>耳鼻いんこう科</t>
  </si>
  <si>
    <t>岡田　哲郎</t>
  </si>
  <si>
    <t>衣笠診療所</t>
  </si>
  <si>
    <t>横須賀市平作7-10-27</t>
  </si>
  <si>
    <t>遠藤　千洋</t>
  </si>
  <si>
    <t>遠藤胃腸科外科医院</t>
  </si>
  <si>
    <t>横須賀市野比1-17-1</t>
  </si>
  <si>
    <t>内科、外科、こう門科、リハビリテーション科</t>
  </si>
  <si>
    <t>權太　和宏</t>
  </si>
  <si>
    <t>パシフィックホスピタル</t>
  </si>
  <si>
    <t>横須賀市野比5-7-2</t>
  </si>
  <si>
    <t>宮部　暁</t>
  </si>
  <si>
    <t>高根台病院</t>
  </si>
  <si>
    <t>平塚市</t>
  </si>
  <si>
    <t>平塚市高根191</t>
  </si>
  <si>
    <t>篠原　聡</t>
  </si>
  <si>
    <t>平塚市高村203-21</t>
  </si>
  <si>
    <t>村越　義樹</t>
  </si>
  <si>
    <t>神経内科</t>
  </si>
  <si>
    <t>木村　繭美</t>
  </si>
  <si>
    <t>倉田　康久</t>
  </si>
  <si>
    <t>くらた病院</t>
  </si>
  <si>
    <t>平塚市東真土4-5-26</t>
  </si>
  <si>
    <t>三田　知子</t>
  </si>
  <si>
    <t>くすのき在宅診療所</t>
  </si>
  <si>
    <t>平塚市徳延131-1　カドヤビル202</t>
  </si>
  <si>
    <t>内科、緩和ケア内科、老年精神科</t>
  </si>
  <si>
    <t>豊田　悟</t>
  </si>
  <si>
    <t>とよた医院</t>
  </si>
  <si>
    <t>鎌倉市</t>
  </si>
  <si>
    <t>鎌倉市雪ノ下1-9-21　トウセン鎌倉ビル2F</t>
  </si>
  <si>
    <t>小児科、外科、内科</t>
  </si>
  <si>
    <t>西田　美幸</t>
  </si>
  <si>
    <t>鎌倉在宅クリニック</t>
  </si>
  <si>
    <t>鎌倉市雪ノ下636-10 立花大倉ビル3Ｆ</t>
  </si>
  <si>
    <t>栗原　大輔</t>
  </si>
  <si>
    <t>かまくらファミリークリニック</t>
  </si>
  <si>
    <t>鎌倉市由比ガ浜2-6-21</t>
  </si>
  <si>
    <t>太田　幸則</t>
  </si>
  <si>
    <t>長後皮膚科医院</t>
  </si>
  <si>
    <t>藤沢市</t>
  </si>
  <si>
    <t>藤沢市下土棚467　カートビル2F</t>
  </si>
  <si>
    <t>皮膚科</t>
  </si>
  <si>
    <t>竹田　義彦</t>
  </si>
  <si>
    <t>湘南台東口クリニック</t>
  </si>
  <si>
    <t>藤沢市湘南台1-1-1　湘南台ダイヤモンドマンション1F</t>
  </si>
  <si>
    <t>内科、リウマチ科</t>
  </si>
  <si>
    <t>嶋村　浩市</t>
  </si>
  <si>
    <t>湘南第一病院</t>
  </si>
  <si>
    <t>藤沢市湘南台1-19-7</t>
  </si>
  <si>
    <t>高橋 幸大</t>
  </si>
  <si>
    <t>夕凪在宅診療所</t>
  </si>
  <si>
    <t>藤沢市善行1－26-5善行小山ビル2階</t>
  </si>
  <si>
    <t>内科、心療内科、精神科、緩和ケア、緩和ケア内科</t>
  </si>
  <si>
    <t>畠山　慎也</t>
  </si>
  <si>
    <t>善行ホームケアクリニック</t>
  </si>
  <si>
    <t>藤沢市善行6-16-21</t>
  </si>
  <si>
    <t>清水　彰一郎</t>
  </si>
  <si>
    <t>湘南なぎさ診療所</t>
  </si>
  <si>
    <t>加藤　葉子</t>
  </si>
  <si>
    <t>加藤小児科</t>
  </si>
  <si>
    <t>藤沢市本鵠沼2-9-25</t>
  </si>
  <si>
    <t>小児科</t>
  </si>
  <si>
    <t>高倉　保雄</t>
  </si>
  <si>
    <t>たかくら眼科</t>
  </si>
  <si>
    <t>小田原市</t>
  </si>
  <si>
    <t>小田原市中里296-1　ダイナシティイースト2F</t>
  </si>
  <si>
    <t>眼科</t>
  </si>
  <si>
    <t>渡邊　淨</t>
  </si>
  <si>
    <t>渡辺消化器科クリニック</t>
  </si>
  <si>
    <t>小田原市堀之内218-1</t>
  </si>
  <si>
    <t>内科、消化器内科</t>
  </si>
  <si>
    <t>青野　治朗</t>
  </si>
  <si>
    <t>本多記念青野クリニック</t>
  </si>
  <si>
    <t>小田原市本町1-4-4　三宅本町ビル 1F2F</t>
  </si>
  <si>
    <t>山岡　博之</t>
  </si>
  <si>
    <t>山岡クリニック</t>
  </si>
  <si>
    <t>茅ヶ崎市</t>
  </si>
  <si>
    <t>茅ヶ崎市元町6-5</t>
  </si>
  <si>
    <t>金　國鍾</t>
  </si>
  <si>
    <t>ライフクリニック</t>
  </si>
  <si>
    <t>茅ヶ崎市幸町3-32　ブレインビル２F</t>
  </si>
  <si>
    <t>内科、循環器科</t>
  </si>
  <si>
    <t>山田　荒太</t>
  </si>
  <si>
    <t>東逗子眼科</t>
  </si>
  <si>
    <t>逗子市</t>
  </si>
  <si>
    <t>逗子市沼間1-4-6　ボヌール東逗子101</t>
  </si>
  <si>
    <t>島田　陽子</t>
  </si>
  <si>
    <t>島田内科医院</t>
  </si>
  <si>
    <t>逗子市逗子1-6-22</t>
  </si>
  <si>
    <t>内科、神経内科</t>
  </si>
  <si>
    <t>天野　皓昭</t>
  </si>
  <si>
    <t>神奈川みなみ医療生活協同組合　逗子診療所</t>
  </si>
  <si>
    <t>逗子市逗子4-1-7</t>
  </si>
  <si>
    <t>内科、訪問診療</t>
  </si>
  <si>
    <t>坂場　秀行</t>
  </si>
  <si>
    <t>鶴巻温泉病院</t>
  </si>
  <si>
    <t>秦野市</t>
  </si>
  <si>
    <t>秦野市鶴巻北1-16-1</t>
  </si>
  <si>
    <t>長山　隆</t>
  </si>
  <si>
    <t>林　永欣</t>
  </si>
  <si>
    <t>中村　良一</t>
  </si>
  <si>
    <t>鶴巻ホームケアクリニック</t>
  </si>
  <si>
    <t>秦野市鶴巻北2-14-2</t>
  </si>
  <si>
    <t>山田　明</t>
  </si>
  <si>
    <t>にじいろ内科クリニック</t>
  </si>
  <si>
    <t>厚木市</t>
  </si>
  <si>
    <t>厚木市金田121-1</t>
  </si>
  <si>
    <t>山本　雅俊</t>
  </si>
  <si>
    <t>つるまエキチカじんクリニック</t>
  </si>
  <si>
    <t>大和市</t>
  </si>
  <si>
    <t>大和市鶴間2-1-24　エスポルタ3Ｆ・4Ｆ</t>
  </si>
  <si>
    <t>内科（人工透析）</t>
  </si>
  <si>
    <t>中西　努</t>
  </si>
  <si>
    <t>宇土　潤平</t>
  </si>
  <si>
    <t>うどファミリークリニック</t>
  </si>
  <si>
    <t>伊勢原市</t>
  </si>
  <si>
    <t>伊勢原市桜台1-20-10　アミカルメント萩原1F</t>
  </si>
  <si>
    <t>髙久 千鶴乃</t>
  </si>
  <si>
    <t>ちずの在宅クリニック</t>
  </si>
  <si>
    <t>座間市</t>
  </si>
  <si>
    <t>座間市栗原中央4-19-14</t>
  </si>
  <si>
    <t>藤野　忠彦</t>
  </si>
  <si>
    <t>相武台病院</t>
  </si>
  <si>
    <t>座間市相武台1-4941-1</t>
  </si>
  <si>
    <t>野村　直人</t>
  </si>
  <si>
    <t>葉山のむらクリニック</t>
  </si>
  <si>
    <t>葉山町</t>
  </si>
  <si>
    <t>三浦郡葉山町一色2154-2</t>
  </si>
  <si>
    <t>竹田　美雄</t>
  </si>
  <si>
    <t>竹田医院</t>
  </si>
  <si>
    <t>三浦郡葉山町堀内1426-4</t>
  </si>
  <si>
    <t>内科、麻酔科</t>
  </si>
  <si>
    <t>脇　和雄</t>
  </si>
  <si>
    <t>脇内科クリニック</t>
  </si>
  <si>
    <t>大磯町</t>
  </si>
  <si>
    <t>中郡大磯町大磯1562</t>
  </si>
  <si>
    <t>林　和義</t>
  </si>
  <si>
    <t>あづま山在宅クリニック</t>
  </si>
  <si>
    <t>二宮町</t>
  </si>
  <si>
    <t>中郡二宮町二宮216-1　古澤本社ビル2Ｆ201号</t>
  </si>
  <si>
    <t>石田 真理</t>
  </si>
  <si>
    <t>医療法人勝又高台病院</t>
  </si>
  <si>
    <t>開成町</t>
  </si>
  <si>
    <t>足柄上郡開成町金井島1983</t>
  </si>
  <si>
    <t>佐藤　進</t>
  </si>
  <si>
    <t>高台病院</t>
  </si>
  <si>
    <t>大平　祐己</t>
  </si>
  <si>
    <t>真鶴町国民健康保険診療所</t>
  </si>
  <si>
    <t>真鶴町</t>
  </si>
  <si>
    <t>足柄下郡真鶴町真鶴475-1</t>
  </si>
  <si>
    <t>藤沢市南藤沢18-1　グレイシャスK南藤沢6F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F800]dddd\,\ mmmm\ dd\,\ yyyy"/>
  </numFmts>
  <fonts count="10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12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sz val="6"/>
      <name val="ＭＳ 明朝"/>
      <family val="2"/>
      <charset val="128"/>
    </font>
    <font>
      <b/>
      <sz val="12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b/>
      <sz val="9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27">
    <xf numFmtId="0" fontId="0" fillId="0" borderId="0" xfId="0">
      <alignment vertical="center"/>
    </xf>
    <xf numFmtId="0" fontId="1" fillId="0" borderId="0" xfId="1" applyAlignment="1">
      <alignment vertical="center" wrapText="1"/>
    </xf>
    <xf numFmtId="0" fontId="1" fillId="0" borderId="0" xfId="1" applyAlignment="1">
      <alignment vertical="center" shrinkToFit="1"/>
    </xf>
    <xf numFmtId="0" fontId="1" fillId="0" borderId="0" xfId="1" applyAlignment="1">
      <alignment horizontal="left" vertical="center" wrapText="1"/>
    </xf>
    <xf numFmtId="0" fontId="3" fillId="2" borderId="1" xfId="1" applyFont="1" applyFill="1" applyBorder="1" applyAlignment="1">
      <alignment horizontal="center" vertical="center" shrinkToFit="1"/>
    </xf>
    <xf numFmtId="0" fontId="3" fillId="2" borderId="1" xfId="1" applyFont="1" applyFill="1" applyBorder="1" applyAlignment="1">
      <alignment horizontal="center" vertical="center" wrapText="1"/>
    </xf>
    <xf numFmtId="0" fontId="6" fillId="0" borderId="1" xfId="1" applyFont="1" applyBorder="1" applyAlignment="1">
      <alignment vertical="center" wrapText="1"/>
    </xf>
    <xf numFmtId="0" fontId="6" fillId="0" borderId="1" xfId="1" applyFont="1" applyBorder="1" applyAlignment="1">
      <alignment vertical="center" shrinkToFit="1"/>
    </xf>
    <xf numFmtId="0" fontId="6" fillId="0" borderId="1" xfId="1" applyFont="1" applyBorder="1" applyAlignment="1">
      <alignment vertical="center" wrapText="1" shrinkToFit="1"/>
    </xf>
    <xf numFmtId="176" fontId="6" fillId="0" borderId="1" xfId="1" applyNumberFormat="1" applyFont="1" applyBorder="1" applyAlignment="1">
      <alignment horizontal="left" vertical="center" wrapText="1"/>
    </xf>
    <xf numFmtId="0" fontId="7" fillId="0" borderId="1" xfId="1" applyFont="1" applyBorder="1" applyAlignment="1">
      <alignment vertical="center" wrapText="1"/>
    </xf>
    <xf numFmtId="0" fontId="7" fillId="0" borderId="1" xfId="1" applyFont="1" applyBorder="1" applyAlignment="1">
      <alignment vertical="center" shrinkToFit="1"/>
    </xf>
    <xf numFmtId="0" fontId="7" fillId="0" borderId="1" xfId="1" applyFont="1" applyBorder="1" applyAlignment="1">
      <alignment vertical="center" wrapText="1" shrinkToFit="1"/>
    </xf>
    <xf numFmtId="0" fontId="8" fillId="0" borderId="0" xfId="1" applyFont="1" applyAlignment="1">
      <alignment vertical="center" wrapText="1"/>
    </xf>
    <xf numFmtId="0" fontId="8" fillId="0" borderId="0" xfId="1" applyFont="1" applyAlignment="1">
      <alignment vertical="center" shrinkToFit="1"/>
    </xf>
    <xf numFmtId="0" fontId="8" fillId="0" borderId="0" xfId="1" applyFont="1" applyAlignment="1">
      <alignment vertical="center" wrapText="1" shrinkToFit="1"/>
    </xf>
    <xf numFmtId="0" fontId="8" fillId="0" borderId="0" xfId="1" applyFont="1" applyAlignment="1">
      <alignment horizontal="left" vertical="center" wrapText="1"/>
    </xf>
    <xf numFmtId="0" fontId="1" fillId="0" borderId="4" xfId="1" applyBorder="1" applyAlignment="1">
      <alignment vertical="center" shrinkToFit="1"/>
    </xf>
    <xf numFmtId="0" fontId="1" fillId="0" borderId="5" xfId="1" applyBorder="1" applyAlignment="1">
      <alignment vertical="center" shrinkToFit="1"/>
    </xf>
    <xf numFmtId="0" fontId="0" fillId="0" borderId="0" xfId="0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1" fillId="0" borderId="4" xfId="1" applyBorder="1" applyAlignment="1">
      <alignment horizontal="left" vertical="center" wrapText="1"/>
    </xf>
    <xf numFmtId="0" fontId="3" fillId="2" borderId="1" xfId="1" applyFont="1" applyFill="1" applyBorder="1" applyAlignment="1">
      <alignment horizontal="center" vertical="center" wrapText="1"/>
    </xf>
    <xf numFmtId="0" fontId="3" fillId="2" borderId="2" xfId="1" applyFont="1" applyFill="1" applyBorder="1" applyAlignment="1">
      <alignment horizontal="center" vertical="center" wrapText="1"/>
    </xf>
    <xf numFmtId="0" fontId="3" fillId="2" borderId="3" xfId="1" applyFont="1" applyFill="1" applyBorder="1" applyAlignment="1">
      <alignment horizontal="center" vertical="center" wrapText="1"/>
    </xf>
    <xf numFmtId="0" fontId="9" fillId="0" borderId="1" xfId="1" applyFont="1" applyBorder="1" applyAlignment="1">
      <alignment vertical="center" wrapText="1"/>
    </xf>
  </cellXfs>
  <cellStyles count="2">
    <cellStyle name="標準" xfId="0" builtinId="0"/>
    <cellStyle name="標準 2" xfId="1" xr:uid="{EAD34CE7-5DDB-4868-BCB0-6BB44140359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0</xdr:row>
      <xdr:rowOff>76201</xdr:rowOff>
    </xdr:from>
    <xdr:to>
      <xdr:col>5</xdr:col>
      <xdr:colOff>1276350</xdr:colOff>
      <xdr:row>0</xdr:row>
      <xdr:rowOff>10668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324A2EA7-AF9E-41E8-A62D-9309BDD08A7B}"/>
            </a:ext>
          </a:extLst>
        </xdr:cNvPr>
        <xdr:cNvSpPr txBox="1"/>
      </xdr:nvSpPr>
      <xdr:spPr>
        <a:xfrm>
          <a:off x="190500" y="76201"/>
          <a:ext cx="11182350" cy="990599"/>
        </a:xfrm>
        <a:prstGeom prst="rect">
          <a:avLst/>
        </a:prstGeom>
        <a:solidFill>
          <a:schemeClr val="accent2">
            <a:lumMod val="40000"/>
            <a:lumOff val="6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協力難病指定医一覧（令和８年２月２日現在）</a:t>
          </a:r>
          <a:endParaRPr kumimoji="1" lang="en-US" altLang="ja-JP" sz="1600" b="1"/>
        </a:p>
        <a:p>
          <a:r>
            <a:rPr kumimoji="1" lang="ja-JP" altLang="en-US" sz="1400" b="1"/>
            <a:t>　★検索方法１　キーボードの　「</a:t>
          </a:r>
          <a:r>
            <a:rPr kumimoji="1" lang="en-US" altLang="ja-JP" sz="1400" b="1"/>
            <a:t>Ctrl</a:t>
          </a:r>
          <a:r>
            <a:rPr kumimoji="1" lang="ja-JP" altLang="en-US" sz="1400" b="1"/>
            <a:t>」と「</a:t>
          </a:r>
          <a:r>
            <a:rPr kumimoji="1" lang="en-US" altLang="ja-JP" sz="1400" b="1"/>
            <a:t>F</a:t>
          </a:r>
          <a:r>
            <a:rPr kumimoji="1" lang="ja-JP" altLang="en-US" sz="1400" b="1"/>
            <a:t>」を同時に押して、お探しの医師又は医療機関の名前（一部でも可）を入れて探す</a:t>
          </a:r>
          <a:endParaRPr kumimoji="1" lang="en-US" altLang="ja-JP" sz="1400" b="1"/>
        </a:p>
        <a:p>
          <a:r>
            <a:rPr kumimoji="1" lang="ja-JP" altLang="en-US" sz="1400" b="1"/>
            <a:t>　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ボタンを押して、お探しの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で絞り込んで探す</a:t>
          </a:r>
          <a:endParaRPr kumimoji="1" lang="ja-JP" altLang="en-US" sz="14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51B913-EF56-48C7-972F-35D2984A7D27}">
  <sheetPr codeName="Sheet1">
    <tabColor theme="5"/>
  </sheetPr>
  <dimension ref="A1:L9669"/>
  <sheetViews>
    <sheetView tabSelected="1" view="pageBreakPreview" zoomScale="85" zoomScaleNormal="85" zoomScaleSheetLayoutView="85" workbookViewId="0">
      <selection activeCell="N2" sqref="N2"/>
    </sheetView>
  </sheetViews>
  <sheetFormatPr defaultColWidth="9" defaultRowHeight="19.5" x14ac:dyDescent="0.15"/>
  <cols>
    <col min="1" max="1" width="16.25" style="13" customWidth="1"/>
    <col min="2" max="2" width="40.625" style="14" customWidth="1"/>
    <col min="3" max="3" width="11.125" style="13" customWidth="1"/>
    <col min="4" max="4" width="42" style="14" customWidth="1"/>
    <col min="5" max="5" width="22.5" style="14" customWidth="1"/>
    <col min="6" max="6" width="19.5" style="16" customWidth="1"/>
    <col min="7" max="9" width="9" style="1"/>
    <col min="10" max="10" width="9" style="1" customWidth="1"/>
    <col min="11" max="16384" width="9" style="1"/>
  </cols>
  <sheetData>
    <row r="1" spans="1:6" ht="96" customHeight="1" x14ac:dyDescent="0.15">
      <c r="A1" s="1"/>
      <c r="B1" s="2"/>
      <c r="C1" s="1"/>
      <c r="D1" s="2"/>
      <c r="E1" s="2"/>
      <c r="F1" s="3"/>
    </row>
    <row r="2" spans="1:6" ht="24.75" customHeight="1" x14ac:dyDescent="0.15">
      <c r="A2" s="23" t="s">
        <v>0</v>
      </c>
      <c r="B2" s="24" t="s">
        <v>1</v>
      </c>
      <c r="C2" s="25"/>
      <c r="D2" s="25"/>
      <c r="E2" s="25"/>
      <c r="F2" s="23" t="s">
        <v>2</v>
      </c>
    </row>
    <row r="3" spans="1:6" ht="36.75" customHeight="1" x14ac:dyDescent="0.15">
      <c r="A3" s="23"/>
      <c r="B3" s="4" t="s">
        <v>3</v>
      </c>
      <c r="C3" s="5" t="s">
        <v>4</v>
      </c>
      <c r="D3" s="4" t="s">
        <v>5</v>
      </c>
      <c r="E3" s="4" t="s">
        <v>6</v>
      </c>
      <c r="F3" s="23"/>
    </row>
    <row r="4" spans="1:6" ht="27" customHeight="1" x14ac:dyDescent="0.15">
      <c r="A4" s="6" t="s">
        <v>7</v>
      </c>
      <c r="B4" s="7" t="s">
        <v>8</v>
      </c>
      <c r="C4" s="8" t="s">
        <v>9</v>
      </c>
      <c r="D4" s="7" t="s">
        <v>10</v>
      </c>
      <c r="E4" s="7" t="s">
        <v>11</v>
      </c>
      <c r="F4" s="9">
        <v>46234</v>
      </c>
    </row>
    <row r="5" spans="1:6" ht="27" customHeight="1" x14ac:dyDescent="0.15">
      <c r="A5" s="6" t="s">
        <v>12</v>
      </c>
      <c r="B5" s="7" t="s">
        <v>8</v>
      </c>
      <c r="C5" s="8" t="s">
        <v>9</v>
      </c>
      <c r="D5" s="7" t="s">
        <v>13</v>
      </c>
      <c r="E5" s="7" t="s">
        <v>14</v>
      </c>
      <c r="F5" s="9">
        <v>47664</v>
      </c>
    </row>
    <row r="6" spans="1:6" ht="27" customHeight="1" x14ac:dyDescent="0.15">
      <c r="A6" s="6" t="s">
        <v>15</v>
      </c>
      <c r="B6" s="7" t="s">
        <v>16</v>
      </c>
      <c r="C6" s="8" t="s">
        <v>9</v>
      </c>
      <c r="D6" s="7" t="s">
        <v>17</v>
      </c>
      <c r="E6" s="7" t="s">
        <v>11</v>
      </c>
      <c r="F6" s="9">
        <v>46265</v>
      </c>
    </row>
    <row r="7" spans="1:6" ht="27" customHeight="1" x14ac:dyDescent="0.15">
      <c r="A7" s="6" t="s">
        <v>18</v>
      </c>
      <c r="B7" s="7" t="s">
        <v>19</v>
      </c>
      <c r="C7" s="8" t="s">
        <v>9</v>
      </c>
      <c r="D7" s="7" t="s">
        <v>20</v>
      </c>
      <c r="E7" s="7" t="s">
        <v>21</v>
      </c>
      <c r="F7" s="9">
        <v>47695</v>
      </c>
    </row>
    <row r="8" spans="1:6" ht="27" customHeight="1" x14ac:dyDescent="0.15">
      <c r="A8" s="6" t="s">
        <v>22</v>
      </c>
      <c r="B8" s="7" t="s">
        <v>23</v>
      </c>
      <c r="C8" s="8" t="s">
        <v>9</v>
      </c>
      <c r="D8" s="7" t="s">
        <v>24</v>
      </c>
      <c r="E8" s="7" t="s">
        <v>11</v>
      </c>
      <c r="F8" s="9">
        <v>46234</v>
      </c>
    </row>
    <row r="9" spans="1:6" ht="27" customHeight="1" x14ac:dyDescent="0.15">
      <c r="A9" s="6" t="s">
        <v>25</v>
      </c>
      <c r="B9" s="7" t="s">
        <v>23</v>
      </c>
      <c r="C9" s="8" t="s">
        <v>9</v>
      </c>
      <c r="D9" s="7" t="s">
        <v>24</v>
      </c>
      <c r="E9" s="7" t="s">
        <v>11</v>
      </c>
      <c r="F9" s="9">
        <v>46873</v>
      </c>
    </row>
    <row r="10" spans="1:6" ht="27" customHeight="1" x14ac:dyDescent="0.15">
      <c r="A10" s="6" t="s">
        <v>26</v>
      </c>
      <c r="B10" s="7" t="s">
        <v>27</v>
      </c>
      <c r="C10" s="8" t="s">
        <v>9</v>
      </c>
      <c r="D10" s="7" t="s">
        <v>28</v>
      </c>
      <c r="E10" s="7" t="s">
        <v>29</v>
      </c>
      <c r="F10" s="9">
        <v>47787</v>
      </c>
    </row>
    <row r="11" spans="1:6" ht="27" customHeight="1" x14ac:dyDescent="0.15">
      <c r="A11" s="6" t="s">
        <v>30</v>
      </c>
      <c r="B11" s="7" t="s">
        <v>31</v>
      </c>
      <c r="C11" s="8" t="s">
        <v>9</v>
      </c>
      <c r="D11" s="7" t="s">
        <v>32</v>
      </c>
      <c r="E11" s="7" t="s">
        <v>29</v>
      </c>
      <c r="F11" s="9">
        <v>47695</v>
      </c>
    </row>
    <row r="12" spans="1:6" ht="27" customHeight="1" x14ac:dyDescent="0.15">
      <c r="A12" s="6" t="s">
        <v>33</v>
      </c>
      <c r="B12" s="7" t="s">
        <v>34</v>
      </c>
      <c r="C12" s="8" t="s">
        <v>9</v>
      </c>
      <c r="D12" s="7" t="s">
        <v>35</v>
      </c>
      <c r="E12" s="7" t="s">
        <v>36</v>
      </c>
      <c r="F12" s="9">
        <v>47634</v>
      </c>
    </row>
    <row r="13" spans="1:6" ht="27" customHeight="1" x14ac:dyDescent="0.15">
      <c r="A13" s="6" t="s">
        <v>37</v>
      </c>
      <c r="B13" s="7" t="s">
        <v>38</v>
      </c>
      <c r="C13" s="8" t="s">
        <v>9</v>
      </c>
      <c r="D13" s="7" t="s">
        <v>39</v>
      </c>
      <c r="E13" s="7" t="s">
        <v>11</v>
      </c>
      <c r="F13" s="9">
        <v>47603</v>
      </c>
    </row>
    <row r="14" spans="1:6" ht="27" customHeight="1" x14ac:dyDescent="0.15">
      <c r="A14" s="6" t="s">
        <v>40</v>
      </c>
      <c r="B14" s="7" t="s">
        <v>41</v>
      </c>
      <c r="C14" s="8" t="s">
        <v>9</v>
      </c>
      <c r="D14" s="7" t="s">
        <v>42</v>
      </c>
      <c r="E14" s="7" t="s">
        <v>43</v>
      </c>
      <c r="F14" s="9">
        <v>47087</v>
      </c>
    </row>
    <row r="15" spans="1:6" ht="27" customHeight="1" x14ac:dyDescent="0.15">
      <c r="A15" s="6" t="s">
        <v>44</v>
      </c>
      <c r="B15" s="7" t="s">
        <v>45</v>
      </c>
      <c r="C15" s="8" t="s">
        <v>9</v>
      </c>
      <c r="D15" s="7" t="s">
        <v>46</v>
      </c>
      <c r="E15" s="7" t="s">
        <v>11</v>
      </c>
      <c r="F15" s="9">
        <v>47422</v>
      </c>
    </row>
    <row r="16" spans="1:6" ht="27" customHeight="1" x14ac:dyDescent="0.15">
      <c r="A16" s="6" t="s">
        <v>47</v>
      </c>
      <c r="B16" s="7" t="s">
        <v>48</v>
      </c>
      <c r="C16" s="8" t="s">
        <v>9</v>
      </c>
      <c r="D16" s="7" t="s">
        <v>49</v>
      </c>
      <c r="E16" s="26" t="s">
        <v>50</v>
      </c>
      <c r="F16" s="9">
        <v>47695</v>
      </c>
    </row>
    <row r="17" spans="1:6" ht="27" customHeight="1" x14ac:dyDescent="0.15">
      <c r="A17" s="6" t="s">
        <v>51</v>
      </c>
      <c r="B17" s="7" t="s">
        <v>52</v>
      </c>
      <c r="C17" s="8" t="s">
        <v>9</v>
      </c>
      <c r="D17" s="7" t="s">
        <v>53</v>
      </c>
      <c r="E17" s="7" t="s">
        <v>11</v>
      </c>
      <c r="F17" s="9">
        <v>46568</v>
      </c>
    </row>
    <row r="18" spans="1:6" ht="27" customHeight="1" x14ac:dyDescent="0.15">
      <c r="A18" s="6" t="s">
        <v>54</v>
      </c>
      <c r="B18" s="7" t="s">
        <v>55</v>
      </c>
      <c r="C18" s="8" t="s">
        <v>56</v>
      </c>
      <c r="D18" s="7" t="s">
        <v>57</v>
      </c>
      <c r="E18" s="7" t="s">
        <v>11</v>
      </c>
      <c r="F18" s="9">
        <v>46507</v>
      </c>
    </row>
    <row r="19" spans="1:6" ht="27" customHeight="1" x14ac:dyDescent="0.15">
      <c r="A19" s="6" t="s">
        <v>58</v>
      </c>
      <c r="B19" s="7" t="s">
        <v>55</v>
      </c>
      <c r="C19" s="8" t="s">
        <v>56</v>
      </c>
      <c r="D19" s="7" t="s">
        <v>59</v>
      </c>
      <c r="E19" s="7" t="s">
        <v>11</v>
      </c>
      <c r="F19" s="9">
        <v>47664</v>
      </c>
    </row>
    <row r="20" spans="1:6" ht="27" customHeight="1" x14ac:dyDescent="0.15">
      <c r="A20" s="6" t="s">
        <v>60</v>
      </c>
      <c r="B20" s="7" t="s">
        <v>55</v>
      </c>
      <c r="C20" s="8" t="s">
        <v>56</v>
      </c>
      <c r="D20" s="7" t="s">
        <v>59</v>
      </c>
      <c r="E20" s="7" t="s">
        <v>61</v>
      </c>
      <c r="F20" s="9">
        <v>47664</v>
      </c>
    </row>
    <row r="21" spans="1:6" ht="27" customHeight="1" x14ac:dyDescent="0.15">
      <c r="A21" s="6" t="s">
        <v>62</v>
      </c>
      <c r="B21" s="7" t="s">
        <v>55</v>
      </c>
      <c r="C21" s="8" t="s">
        <v>56</v>
      </c>
      <c r="D21" s="7" t="s">
        <v>59</v>
      </c>
      <c r="E21" s="7" t="s">
        <v>11</v>
      </c>
      <c r="F21" s="9">
        <v>47664</v>
      </c>
    </row>
    <row r="22" spans="1:6" ht="27" customHeight="1" x14ac:dyDescent="0.15">
      <c r="A22" s="6" t="s">
        <v>63</v>
      </c>
      <c r="B22" s="7" t="s">
        <v>64</v>
      </c>
      <c r="C22" s="8" t="s">
        <v>56</v>
      </c>
      <c r="D22" s="7" t="s">
        <v>65</v>
      </c>
      <c r="E22" s="7" t="s">
        <v>11</v>
      </c>
      <c r="F22" s="9">
        <v>47664</v>
      </c>
    </row>
    <row r="23" spans="1:6" ht="27" customHeight="1" x14ac:dyDescent="0.15">
      <c r="A23" s="6" t="s">
        <v>66</v>
      </c>
      <c r="B23" s="7" t="s">
        <v>67</v>
      </c>
      <c r="C23" s="8" t="s">
        <v>56</v>
      </c>
      <c r="D23" s="7" t="s">
        <v>68</v>
      </c>
      <c r="E23" s="7" t="s">
        <v>69</v>
      </c>
      <c r="F23" s="9">
        <v>47573</v>
      </c>
    </row>
    <row r="24" spans="1:6" ht="27" customHeight="1" x14ac:dyDescent="0.15">
      <c r="A24" s="6" t="s">
        <v>70</v>
      </c>
      <c r="B24" s="7" t="s">
        <v>71</v>
      </c>
      <c r="C24" s="8" t="s">
        <v>72</v>
      </c>
      <c r="D24" s="7" t="s">
        <v>73</v>
      </c>
      <c r="E24" s="7" t="s">
        <v>74</v>
      </c>
      <c r="F24" s="9">
        <v>47664</v>
      </c>
    </row>
    <row r="25" spans="1:6" ht="27" customHeight="1" x14ac:dyDescent="0.15">
      <c r="A25" s="6" t="s">
        <v>75</v>
      </c>
      <c r="B25" s="7" t="s">
        <v>76</v>
      </c>
      <c r="C25" s="8" t="s">
        <v>72</v>
      </c>
      <c r="D25" s="7" t="s">
        <v>77</v>
      </c>
      <c r="E25" s="7" t="s">
        <v>11</v>
      </c>
      <c r="F25" s="9">
        <v>47269</v>
      </c>
    </row>
    <row r="26" spans="1:6" ht="27" customHeight="1" x14ac:dyDescent="0.15">
      <c r="A26" s="6" t="s">
        <v>78</v>
      </c>
      <c r="B26" s="7" t="s">
        <v>79</v>
      </c>
      <c r="C26" s="8" t="s">
        <v>72</v>
      </c>
      <c r="D26" s="7" t="s">
        <v>80</v>
      </c>
      <c r="E26" s="7" t="s">
        <v>11</v>
      </c>
      <c r="F26" s="9">
        <v>46203</v>
      </c>
    </row>
    <row r="27" spans="1:6" ht="27" customHeight="1" x14ac:dyDescent="0.15">
      <c r="A27" s="6" t="s">
        <v>81</v>
      </c>
      <c r="B27" s="7" t="s">
        <v>82</v>
      </c>
      <c r="C27" s="8" t="s">
        <v>83</v>
      </c>
      <c r="D27" s="7" t="s">
        <v>84</v>
      </c>
      <c r="E27" s="7" t="s">
        <v>85</v>
      </c>
      <c r="F27" s="9">
        <v>47634</v>
      </c>
    </row>
    <row r="28" spans="1:6" ht="27" customHeight="1" x14ac:dyDescent="0.15">
      <c r="A28" s="6" t="s">
        <v>86</v>
      </c>
      <c r="B28" s="7" t="s">
        <v>87</v>
      </c>
      <c r="C28" s="8" t="s">
        <v>83</v>
      </c>
      <c r="D28" s="7" t="s">
        <v>88</v>
      </c>
      <c r="E28" s="7" t="s">
        <v>89</v>
      </c>
      <c r="F28" s="9">
        <v>46234</v>
      </c>
    </row>
    <row r="29" spans="1:6" ht="27" customHeight="1" x14ac:dyDescent="0.15">
      <c r="A29" s="6" t="s">
        <v>90</v>
      </c>
      <c r="B29" s="7" t="s">
        <v>91</v>
      </c>
      <c r="C29" s="8" t="s">
        <v>83</v>
      </c>
      <c r="D29" s="7" t="s">
        <v>92</v>
      </c>
      <c r="E29" s="7" t="s">
        <v>11</v>
      </c>
      <c r="F29" s="9">
        <v>46568</v>
      </c>
    </row>
    <row r="30" spans="1:6" ht="27" customHeight="1" x14ac:dyDescent="0.15">
      <c r="A30" s="6" t="s">
        <v>93</v>
      </c>
      <c r="B30" s="7" t="s">
        <v>94</v>
      </c>
      <c r="C30" s="8" t="s">
        <v>83</v>
      </c>
      <c r="D30" s="7" t="s">
        <v>95</v>
      </c>
      <c r="E30" s="26" t="s">
        <v>96</v>
      </c>
      <c r="F30" s="9">
        <v>47787</v>
      </c>
    </row>
    <row r="31" spans="1:6" ht="27" customHeight="1" x14ac:dyDescent="0.15">
      <c r="A31" s="6" t="s">
        <v>97</v>
      </c>
      <c r="B31" s="7" t="s">
        <v>98</v>
      </c>
      <c r="C31" s="8" t="s">
        <v>83</v>
      </c>
      <c r="D31" s="7" t="s">
        <v>99</v>
      </c>
      <c r="E31" s="7" t="s">
        <v>11</v>
      </c>
      <c r="F31" s="9">
        <v>46934</v>
      </c>
    </row>
    <row r="32" spans="1:6" ht="27" customHeight="1" x14ac:dyDescent="0.15">
      <c r="A32" s="6" t="s">
        <v>100</v>
      </c>
      <c r="B32" s="7" t="s">
        <v>101</v>
      </c>
      <c r="C32" s="8" t="s">
        <v>83</v>
      </c>
      <c r="D32" s="7" t="s">
        <v>194</v>
      </c>
      <c r="E32" s="7" t="s">
        <v>11</v>
      </c>
      <c r="F32" s="9">
        <v>46904</v>
      </c>
    </row>
    <row r="33" spans="1:6" ht="27" customHeight="1" x14ac:dyDescent="0.15">
      <c r="A33" s="6" t="s">
        <v>102</v>
      </c>
      <c r="B33" s="7" t="s">
        <v>103</v>
      </c>
      <c r="C33" s="8" t="s">
        <v>83</v>
      </c>
      <c r="D33" s="7" t="s">
        <v>104</v>
      </c>
      <c r="E33" s="7" t="s">
        <v>105</v>
      </c>
      <c r="F33" s="9">
        <v>47514</v>
      </c>
    </row>
    <row r="34" spans="1:6" ht="27" customHeight="1" x14ac:dyDescent="0.15">
      <c r="A34" s="6" t="s">
        <v>106</v>
      </c>
      <c r="B34" s="7" t="s">
        <v>107</v>
      </c>
      <c r="C34" s="8" t="s">
        <v>108</v>
      </c>
      <c r="D34" s="7" t="s">
        <v>109</v>
      </c>
      <c r="E34" s="7" t="s">
        <v>110</v>
      </c>
      <c r="F34" s="9">
        <v>47299</v>
      </c>
    </row>
    <row r="35" spans="1:6" ht="27" customHeight="1" x14ac:dyDescent="0.15">
      <c r="A35" s="6" t="s">
        <v>111</v>
      </c>
      <c r="B35" s="7" t="s">
        <v>112</v>
      </c>
      <c r="C35" s="8" t="s">
        <v>108</v>
      </c>
      <c r="D35" s="7" t="s">
        <v>113</v>
      </c>
      <c r="E35" s="7" t="s">
        <v>114</v>
      </c>
      <c r="F35" s="9">
        <v>47422</v>
      </c>
    </row>
    <row r="36" spans="1:6" ht="27" customHeight="1" x14ac:dyDescent="0.15">
      <c r="A36" s="6" t="s">
        <v>115</v>
      </c>
      <c r="B36" s="7" t="s">
        <v>116</v>
      </c>
      <c r="C36" s="8" t="s">
        <v>108</v>
      </c>
      <c r="D36" s="7" t="s">
        <v>117</v>
      </c>
      <c r="E36" s="7" t="s">
        <v>11</v>
      </c>
      <c r="F36" s="9">
        <v>46783</v>
      </c>
    </row>
    <row r="37" spans="1:6" ht="27" customHeight="1" x14ac:dyDescent="0.15">
      <c r="A37" s="6" t="s">
        <v>118</v>
      </c>
      <c r="B37" s="7" t="s">
        <v>119</v>
      </c>
      <c r="C37" s="8" t="s">
        <v>120</v>
      </c>
      <c r="D37" s="7" t="s">
        <v>121</v>
      </c>
      <c r="E37" s="7" t="s">
        <v>11</v>
      </c>
      <c r="F37" s="9">
        <v>47422</v>
      </c>
    </row>
    <row r="38" spans="1:6" ht="27" customHeight="1" x14ac:dyDescent="0.15">
      <c r="A38" s="6" t="s">
        <v>122</v>
      </c>
      <c r="B38" s="7" t="s">
        <v>123</v>
      </c>
      <c r="C38" s="8" t="s">
        <v>120</v>
      </c>
      <c r="D38" s="7" t="s">
        <v>124</v>
      </c>
      <c r="E38" s="7" t="s">
        <v>125</v>
      </c>
      <c r="F38" s="9">
        <v>47726</v>
      </c>
    </row>
    <row r="39" spans="1:6" ht="27" customHeight="1" x14ac:dyDescent="0.15">
      <c r="A39" s="6" t="s">
        <v>126</v>
      </c>
      <c r="B39" s="7" t="s">
        <v>127</v>
      </c>
      <c r="C39" s="8" t="s">
        <v>128</v>
      </c>
      <c r="D39" s="7" t="s">
        <v>129</v>
      </c>
      <c r="E39" s="7" t="s">
        <v>110</v>
      </c>
      <c r="F39" s="9">
        <v>47664</v>
      </c>
    </row>
    <row r="40" spans="1:6" ht="27" customHeight="1" x14ac:dyDescent="0.15">
      <c r="A40" s="6" t="s">
        <v>130</v>
      </c>
      <c r="B40" s="7" t="s">
        <v>131</v>
      </c>
      <c r="C40" s="8" t="s">
        <v>128</v>
      </c>
      <c r="D40" s="7" t="s">
        <v>132</v>
      </c>
      <c r="E40" s="7" t="s">
        <v>133</v>
      </c>
      <c r="F40" s="9">
        <v>47299</v>
      </c>
    </row>
    <row r="41" spans="1:6" ht="27" customHeight="1" x14ac:dyDescent="0.15">
      <c r="A41" s="6" t="s">
        <v>134</v>
      </c>
      <c r="B41" s="7" t="s">
        <v>135</v>
      </c>
      <c r="C41" s="8" t="s">
        <v>128</v>
      </c>
      <c r="D41" s="7" t="s">
        <v>136</v>
      </c>
      <c r="E41" s="7" t="s">
        <v>137</v>
      </c>
      <c r="F41" s="9">
        <v>47634</v>
      </c>
    </row>
    <row r="42" spans="1:6" ht="27" customHeight="1" x14ac:dyDescent="0.15">
      <c r="A42" s="6" t="s">
        <v>138</v>
      </c>
      <c r="B42" s="7" t="s">
        <v>139</v>
      </c>
      <c r="C42" s="8" t="s">
        <v>140</v>
      </c>
      <c r="D42" s="7" t="s">
        <v>141</v>
      </c>
      <c r="E42" s="7" t="s">
        <v>11</v>
      </c>
      <c r="F42" s="9">
        <v>47634</v>
      </c>
    </row>
    <row r="43" spans="1:6" ht="27" customHeight="1" x14ac:dyDescent="0.15">
      <c r="A43" s="6" t="s">
        <v>142</v>
      </c>
      <c r="B43" s="7" t="s">
        <v>139</v>
      </c>
      <c r="C43" s="8" t="s">
        <v>140</v>
      </c>
      <c r="D43" s="7" t="s">
        <v>141</v>
      </c>
      <c r="E43" s="7" t="s">
        <v>61</v>
      </c>
      <c r="F43" s="9">
        <v>47634</v>
      </c>
    </row>
    <row r="44" spans="1:6" ht="27" customHeight="1" x14ac:dyDescent="0.15">
      <c r="A44" s="6" t="s">
        <v>143</v>
      </c>
      <c r="B44" s="7" t="s">
        <v>139</v>
      </c>
      <c r="C44" s="8" t="s">
        <v>140</v>
      </c>
      <c r="D44" s="7" t="s">
        <v>141</v>
      </c>
      <c r="E44" s="7" t="s">
        <v>11</v>
      </c>
      <c r="F44" s="9">
        <v>46568</v>
      </c>
    </row>
    <row r="45" spans="1:6" ht="27" customHeight="1" x14ac:dyDescent="0.15">
      <c r="A45" s="6" t="s">
        <v>144</v>
      </c>
      <c r="B45" s="7" t="s">
        <v>145</v>
      </c>
      <c r="C45" s="8" t="s">
        <v>140</v>
      </c>
      <c r="D45" s="7" t="s">
        <v>146</v>
      </c>
      <c r="E45" s="7" t="s">
        <v>11</v>
      </c>
      <c r="F45" s="9">
        <v>47634</v>
      </c>
    </row>
    <row r="46" spans="1:6" ht="27" customHeight="1" x14ac:dyDescent="0.15">
      <c r="A46" s="6" t="s">
        <v>147</v>
      </c>
      <c r="B46" s="7" t="s">
        <v>148</v>
      </c>
      <c r="C46" s="8" t="s">
        <v>149</v>
      </c>
      <c r="D46" s="7" t="s">
        <v>150</v>
      </c>
      <c r="E46" s="7" t="s">
        <v>11</v>
      </c>
      <c r="F46" s="9">
        <v>46203</v>
      </c>
    </row>
    <row r="47" spans="1:6" ht="27" customHeight="1" x14ac:dyDescent="0.15">
      <c r="A47" s="6" t="s">
        <v>151</v>
      </c>
      <c r="B47" s="7" t="s">
        <v>152</v>
      </c>
      <c r="C47" s="8" t="s">
        <v>153</v>
      </c>
      <c r="D47" s="7" t="s">
        <v>154</v>
      </c>
      <c r="E47" s="7" t="s">
        <v>155</v>
      </c>
      <c r="F47" s="9">
        <v>47542</v>
      </c>
    </row>
    <row r="48" spans="1:6" ht="27" customHeight="1" x14ac:dyDescent="0.15">
      <c r="A48" s="6" t="s">
        <v>156</v>
      </c>
      <c r="B48" s="7" t="s">
        <v>152</v>
      </c>
      <c r="C48" s="8" t="s">
        <v>153</v>
      </c>
      <c r="D48" s="7" t="s">
        <v>154</v>
      </c>
      <c r="E48" s="7" t="s">
        <v>155</v>
      </c>
      <c r="F48" s="9">
        <v>47542</v>
      </c>
    </row>
    <row r="49" spans="1:6" ht="27" customHeight="1" x14ac:dyDescent="0.15">
      <c r="A49" s="6" t="s">
        <v>157</v>
      </c>
      <c r="B49" s="7" t="s">
        <v>158</v>
      </c>
      <c r="C49" s="8" t="s">
        <v>159</v>
      </c>
      <c r="D49" s="7" t="s">
        <v>160</v>
      </c>
      <c r="E49" s="7" t="s">
        <v>114</v>
      </c>
      <c r="F49" s="9">
        <v>47514</v>
      </c>
    </row>
    <row r="50" spans="1:6" ht="27" customHeight="1" x14ac:dyDescent="0.15">
      <c r="A50" s="6" t="s">
        <v>161</v>
      </c>
      <c r="B50" s="7" t="s">
        <v>162</v>
      </c>
      <c r="C50" s="8" t="s">
        <v>163</v>
      </c>
      <c r="D50" s="7" t="s">
        <v>164</v>
      </c>
      <c r="E50" s="7" t="s">
        <v>11</v>
      </c>
      <c r="F50" s="9">
        <v>47695</v>
      </c>
    </row>
    <row r="51" spans="1:6" ht="27" customHeight="1" x14ac:dyDescent="0.15">
      <c r="A51" s="6" t="s">
        <v>165</v>
      </c>
      <c r="B51" s="7" t="s">
        <v>166</v>
      </c>
      <c r="C51" s="8" t="s">
        <v>163</v>
      </c>
      <c r="D51" s="7" t="s">
        <v>167</v>
      </c>
      <c r="E51" s="7" t="s">
        <v>11</v>
      </c>
      <c r="F51" s="9">
        <v>46173</v>
      </c>
    </row>
    <row r="52" spans="1:6" ht="27" customHeight="1" x14ac:dyDescent="0.15">
      <c r="A52" s="6" t="s">
        <v>168</v>
      </c>
      <c r="B52" s="7" t="s">
        <v>169</v>
      </c>
      <c r="C52" s="8" t="s">
        <v>170</v>
      </c>
      <c r="D52" s="7" t="s">
        <v>171</v>
      </c>
      <c r="E52" s="7" t="s">
        <v>29</v>
      </c>
      <c r="F52" s="9">
        <v>47664</v>
      </c>
    </row>
    <row r="53" spans="1:6" ht="27" customHeight="1" x14ac:dyDescent="0.15">
      <c r="A53" s="6" t="s">
        <v>172</v>
      </c>
      <c r="B53" s="7" t="s">
        <v>173</v>
      </c>
      <c r="C53" s="8" t="s">
        <v>170</v>
      </c>
      <c r="D53" s="7" t="s">
        <v>174</v>
      </c>
      <c r="E53" s="7" t="s">
        <v>175</v>
      </c>
      <c r="F53" s="9">
        <v>47664</v>
      </c>
    </row>
    <row r="54" spans="1:6" ht="27" customHeight="1" x14ac:dyDescent="0.15">
      <c r="A54" s="6" t="s">
        <v>176</v>
      </c>
      <c r="B54" s="7" t="s">
        <v>177</v>
      </c>
      <c r="C54" s="8" t="s">
        <v>178</v>
      </c>
      <c r="D54" s="7" t="s">
        <v>179</v>
      </c>
      <c r="E54" s="7" t="s">
        <v>11</v>
      </c>
      <c r="F54" s="9">
        <v>47848</v>
      </c>
    </row>
    <row r="55" spans="1:6" ht="27" customHeight="1" x14ac:dyDescent="0.15">
      <c r="A55" s="6" t="s">
        <v>180</v>
      </c>
      <c r="B55" s="7" t="s">
        <v>181</v>
      </c>
      <c r="C55" s="8" t="s">
        <v>182</v>
      </c>
      <c r="D55" s="7" t="s">
        <v>183</v>
      </c>
      <c r="E55" s="7" t="s">
        <v>11</v>
      </c>
      <c r="F55" s="9">
        <v>47603</v>
      </c>
    </row>
    <row r="56" spans="1:6" ht="27" customHeight="1" x14ac:dyDescent="0.15">
      <c r="A56" s="6" t="s">
        <v>184</v>
      </c>
      <c r="B56" s="7" t="s">
        <v>185</v>
      </c>
      <c r="C56" s="8" t="s">
        <v>186</v>
      </c>
      <c r="D56" s="7" t="s">
        <v>187</v>
      </c>
      <c r="E56" s="7" t="s">
        <v>11</v>
      </c>
      <c r="F56" s="9">
        <v>47664</v>
      </c>
    </row>
    <row r="57" spans="1:6" ht="27" customHeight="1" x14ac:dyDescent="0.15">
      <c r="A57" s="6" t="s">
        <v>188</v>
      </c>
      <c r="B57" s="7" t="s">
        <v>189</v>
      </c>
      <c r="C57" s="8" t="s">
        <v>186</v>
      </c>
      <c r="D57" s="7" t="s">
        <v>187</v>
      </c>
      <c r="E57" s="7" t="s">
        <v>11</v>
      </c>
      <c r="F57" s="9">
        <v>46904</v>
      </c>
    </row>
    <row r="58" spans="1:6" ht="27" customHeight="1" x14ac:dyDescent="0.15">
      <c r="A58" s="6" t="s">
        <v>190</v>
      </c>
      <c r="B58" s="7" t="s">
        <v>191</v>
      </c>
      <c r="C58" s="8" t="s">
        <v>192</v>
      </c>
      <c r="D58" s="7" t="s">
        <v>193</v>
      </c>
      <c r="E58" s="7" t="s">
        <v>11</v>
      </c>
      <c r="F58" s="9">
        <v>47330</v>
      </c>
    </row>
    <row r="59" spans="1:6" ht="27" customHeight="1" x14ac:dyDescent="0.15">
      <c r="A59" s="6"/>
      <c r="B59" s="7"/>
      <c r="C59" s="8"/>
      <c r="D59" s="7"/>
      <c r="E59" s="7"/>
      <c r="F59" s="9"/>
    </row>
    <row r="60" spans="1:6" ht="27" customHeight="1" x14ac:dyDescent="0.15">
      <c r="A60" s="6"/>
      <c r="B60" s="7"/>
      <c r="C60" s="8"/>
      <c r="D60" s="7"/>
      <c r="E60" s="7"/>
      <c r="F60" s="9"/>
    </row>
    <row r="61" spans="1:6" ht="27" customHeight="1" x14ac:dyDescent="0.15">
      <c r="A61" s="6"/>
      <c r="B61" s="7"/>
      <c r="C61" s="8"/>
      <c r="D61" s="7"/>
      <c r="E61" s="7"/>
      <c r="F61" s="9"/>
    </row>
    <row r="62" spans="1:6" ht="27" customHeight="1" x14ac:dyDescent="0.15">
      <c r="A62" s="6"/>
      <c r="B62" s="7"/>
      <c r="C62" s="8"/>
      <c r="D62" s="7"/>
      <c r="E62" s="7"/>
      <c r="F62" s="9"/>
    </row>
    <row r="63" spans="1:6" ht="27" customHeight="1" x14ac:dyDescent="0.15">
      <c r="A63" s="6"/>
      <c r="B63" s="7"/>
      <c r="C63" s="8"/>
      <c r="D63" s="7"/>
      <c r="E63" s="7"/>
      <c r="F63" s="9"/>
    </row>
    <row r="64" spans="1:6" ht="27" customHeight="1" x14ac:dyDescent="0.15">
      <c r="A64" s="6"/>
      <c r="B64" s="7"/>
      <c r="C64" s="8"/>
      <c r="D64" s="7"/>
      <c r="E64" s="7"/>
      <c r="F64" s="9"/>
    </row>
    <row r="65" spans="1:6" ht="27" customHeight="1" x14ac:dyDescent="0.15">
      <c r="A65" s="6"/>
      <c r="B65" s="7"/>
      <c r="C65" s="8"/>
      <c r="D65" s="7"/>
      <c r="E65" s="7"/>
      <c r="F65" s="9"/>
    </row>
    <row r="66" spans="1:6" ht="27" customHeight="1" x14ac:dyDescent="0.15">
      <c r="A66" s="6"/>
      <c r="B66" s="7"/>
      <c r="C66" s="8"/>
      <c r="D66" s="7"/>
      <c r="E66" s="7"/>
      <c r="F66" s="9"/>
    </row>
    <row r="67" spans="1:6" ht="27" customHeight="1" x14ac:dyDescent="0.15">
      <c r="A67" s="6"/>
      <c r="B67" s="7"/>
      <c r="C67" s="8"/>
      <c r="D67" s="7"/>
      <c r="E67" s="7"/>
      <c r="F67" s="9"/>
    </row>
    <row r="68" spans="1:6" ht="27" customHeight="1" x14ac:dyDescent="0.15">
      <c r="A68" s="6"/>
      <c r="B68" s="7"/>
      <c r="C68" s="8"/>
      <c r="D68" s="7"/>
      <c r="E68" s="7"/>
      <c r="F68" s="9"/>
    </row>
    <row r="69" spans="1:6" ht="27" customHeight="1" x14ac:dyDescent="0.15">
      <c r="A69" s="6"/>
      <c r="B69" s="7"/>
      <c r="C69" s="8"/>
      <c r="D69" s="7"/>
      <c r="E69" s="7"/>
      <c r="F69" s="9"/>
    </row>
    <row r="70" spans="1:6" ht="27" customHeight="1" x14ac:dyDescent="0.15">
      <c r="A70" s="6"/>
      <c r="B70" s="7"/>
      <c r="C70" s="8"/>
      <c r="D70" s="7"/>
      <c r="E70" s="7"/>
      <c r="F70" s="9"/>
    </row>
    <row r="71" spans="1:6" ht="27" customHeight="1" x14ac:dyDescent="0.15">
      <c r="A71" s="6"/>
      <c r="B71" s="7"/>
      <c r="C71" s="8"/>
      <c r="D71" s="7"/>
      <c r="E71" s="7"/>
      <c r="F71" s="9"/>
    </row>
    <row r="72" spans="1:6" ht="27" customHeight="1" x14ac:dyDescent="0.15">
      <c r="A72" s="6"/>
      <c r="B72" s="7"/>
      <c r="C72" s="8"/>
      <c r="D72" s="7"/>
      <c r="E72" s="7"/>
      <c r="F72" s="9"/>
    </row>
    <row r="73" spans="1:6" ht="27" customHeight="1" x14ac:dyDescent="0.15">
      <c r="A73" s="6"/>
      <c r="B73" s="7"/>
      <c r="C73" s="8"/>
      <c r="D73" s="7"/>
      <c r="E73" s="7"/>
      <c r="F73" s="9"/>
    </row>
    <row r="74" spans="1:6" ht="27" customHeight="1" x14ac:dyDescent="0.15">
      <c r="A74" s="10"/>
      <c r="B74" s="11"/>
      <c r="C74" s="12"/>
      <c r="D74" s="11"/>
      <c r="E74" s="11"/>
      <c r="F74" s="9"/>
    </row>
    <row r="75" spans="1:6" ht="27" customHeight="1" x14ac:dyDescent="0.15">
      <c r="A75" s="10"/>
      <c r="B75" s="11"/>
      <c r="C75" s="12"/>
      <c r="D75" s="11"/>
      <c r="E75" s="11"/>
      <c r="F75" s="9"/>
    </row>
    <row r="76" spans="1:6" ht="27" customHeight="1" x14ac:dyDescent="0.15">
      <c r="A76" s="10"/>
      <c r="B76" s="11"/>
      <c r="C76" s="12"/>
      <c r="D76" s="11"/>
      <c r="E76" s="11"/>
      <c r="F76" s="9"/>
    </row>
    <row r="77" spans="1:6" ht="27" customHeight="1" x14ac:dyDescent="0.15">
      <c r="A77" s="10"/>
      <c r="B77" s="11"/>
      <c r="C77" s="12"/>
      <c r="D77" s="11"/>
      <c r="E77" s="11"/>
      <c r="F77" s="9"/>
    </row>
    <row r="78" spans="1:6" ht="27" customHeight="1" x14ac:dyDescent="0.15">
      <c r="A78" s="10"/>
      <c r="B78" s="11"/>
      <c r="C78" s="12"/>
      <c r="D78" s="11"/>
      <c r="E78" s="11"/>
      <c r="F78" s="9"/>
    </row>
    <row r="79" spans="1:6" ht="27" customHeight="1" x14ac:dyDescent="0.15">
      <c r="A79" s="10"/>
      <c r="B79" s="11"/>
      <c r="C79" s="12"/>
      <c r="D79" s="11"/>
      <c r="E79" s="11"/>
      <c r="F79" s="9"/>
    </row>
    <row r="80" spans="1:6" ht="27" customHeight="1" x14ac:dyDescent="0.15">
      <c r="A80" s="10"/>
      <c r="B80" s="11"/>
      <c r="C80" s="12"/>
      <c r="D80" s="11"/>
      <c r="E80" s="11"/>
      <c r="F80" s="9"/>
    </row>
    <row r="81" spans="1:6" ht="27" customHeight="1" x14ac:dyDescent="0.15">
      <c r="A81" s="10"/>
      <c r="B81" s="11"/>
      <c r="C81" s="12"/>
      <c r="D81" s="11"/>
      <c r="E81" s="11"/>
      <c r="F81" s="9"/>
    </row>
    <row r="82" spans="1:6" ht="27" customHeight="1" x14ac:dyDescent="0.15">
      <c r="A82" s="10"/>
      <c r="B82" s="11"/>
      <c r="C82" s="12"/>
      <c r="D82" s="11"/>
      <c r="E82" s="11"/>
      <c r="F82" s="9"/>
    </row>
    <row r="83" spans="1:6" ht="27" customHeight="1" x14ac:dyDescent="0.15">
      <c r="A83" s="10"/>
      <c r="B83" s="11"/>
      <c r="C83" s="12"/>
      <c r="D83" s="11"/>
      <c r="E83" s="11"/>
      <c r="F83" s="9"/>
    </row>
    <row r="84" spans="1:6" ht="27" customHeight="1" x14ac:dyDescent="0.15">
      <c r="A84" s="10"/>
      <c r="B84" s="11"/>
      <c r="C84" s="12"/>
      <c r="D84" s="11"/>
      <c r="E84" s="11"/>
      <c r="F84" s="9"/>
    </row>
    <row r="85" spans="1:6" ht="27" customHeight="1" x14ac:dyDescent="0.15">
      <c r="A85" s="10"/>
      <c r="B85" s="11"/>
      <c r="C85" s="12"/>
      <c r="D85" s="11"/>
      <c r="E85" s="11"/>
      <c r="F85" s="9"/>
    </row>
    <row r="86" spans="1:6" ht="27" customHeight="1" x14ac:dyDescent="0.15">
      <c r="A86" s="10"/>
      <c r="B86" s="11"/>
      <c r="C86" s="12"/>
      <c r="D86" s="11"/>
      <c r="E86" s="11"/>
      <c r="F86" s="9"/>
    </row>
    <row r="87" spans="1:6" ht="27" customHeight="1" x14ac:dyDescent="0.15">
      <c r="A87" s="10"/>
      <c r="B87" s="11"/>
      <c r="C87" s="12"/>
      <c r="D87" s="11"/>
      <c r="E87" s="11"/>
      <c r="F87" s="9"/>
    </row>
    <row r="88" spans="1:6" ht="27" customHeight="1" x14ac:dyDescent="0.15">
      <c r="A88" s="10"/>
      <c r="B88" s="11"/>
      <c r="C88" s="12"/>
      <c r="D88" s="11"/>
      <c r="E88" s="11"/>
      <c r="F88" s="9"/>
    </row>
    <row r="89" spans="1:6" ht="27" customHeight="1" x14ac:dyDescent="0.15">
      <c r="A89" s="10"/>
      <c r="B89" s="11"/>
      <c r="C89" s="12"/>
      <c r="D89" s="11"/>
      <c r="E89" s="11"/>
      <c r="F89" s="9"/>
    </row>
    <row r="90" spans="1:6" ht="27" customHeight="1" x14ac:dyDescent="0.15">
      <c r="A90" s="10"/>
      <c r="B90" s="11"/>
      <c r="C90" s="12"/>
      <c r="D90" s="11"/>
      <c r="E90" s="11"/>
      <c r="F90" s="9"/>
    </row>
    <row r="91" spans="1:6" ht="27" customHeight="1" x14ac:dyDescent="0.15">
      <c r="A91" s="10"/>
      <c r="B91" s="11"/>
      <c r="C91" s="12"/>
      <c r="D91" s="11"/>
      <c r="E91" s="11"/>
      <c r="F91" s="9"/>
    </row>
    <row r="92" spans="1:6" ht="27" customHeight="1" x14ac:dyDescent="0.15">
      <c r="A92" s="10"/>
      <c r="B92" s="11"/>
      <c r="C92" s="12"/>
      <c r="D92" s="11"/>
      <c r="E92" s="11"/>
      <c r="F92" s="9"/>
    </row>
    <row r="93" spans="1:6" ht="27" customHeight="1" x14ac:dyDescent="0.15">
      <c r="A93" s="10"/>
      <c r="B93" s="11"/>
      <c r="C93" s="12"/>
      <c r="D93" s="11"/>
      <c r="E93" s="11"/>
      <c r="F93" s="9"/>
    </row>
    <row r="94" spans="1:6" ht="27" customHeight="1" x14ac:dyDescent="0.15">
      <c r="A94" s="10"/>
      <c r="B94" s="11"/>
      <c r="C94" s="12"/>
      <c r="D94" s="11"/>
      <c r="E94" s="11"/>
      <c r="F94" s="9"/>
    </row>
    <row r="95" spans="1:6" ht="27" customHeight="1" x14ac:dyDescent="0.15">
      <c r="A95" s="10"/>
      <c r="B95" s="11"/>
      <c r="C95" s="12"/>
      <c r="D95" s="11"/>
      <c r="E95" s="11"/>
      <c r="F95" s="9"/>
    </row>
    <row r="96" spans="1:6" ht="27" customHeight="1" x14ac:dyDescent="0.15">
      <c r="A96" s="10"/>
      <c r="B96" s="11"/>
      <c r="C96" s="12"/>
      <c r="D96" s="11"/>
      <c r="E96" s="11"/>
      <c r="F96" s="9"/>
    </row>
    <row r="97" spans="1:6" ht="27" customHeight="1" x14ac:dyDescent="0.15">
      <c r="A97" s="10"/>
      <c r="B97" s="11"/>
      <c r="C97" s="12"/>
      <c r="D97" s="11"/>
      <c r="E97" s="11"/>
      <c r="F97" s="9"/>
    </row>
    <row r="98" spans="1:6" ht="27" customHeight="1" x14ac:dyDescent="0.15">
      <c r="A98" s="10"/>
      <c r="B98" s="11"/>
      <c r="C98" s="12"/>
      <c r="D98" s="11"/>
      <c r="E98" s="11"/>
      <c r="F98" s="9"/>
    </row>
    <row r="99" spans="1:6" ht="27" customHeight="1" x14ac:dyDescent="0.15">
      <c r="A99" s="10"/>
      <c r="B99" s="11"/>
      <c r="C99" s="12"/>
      <c r="D99" s="11"/>
      <c r="E99" s="11"/>
      <c r="F99" s="9"/>
    </row>
    <row r="100" spans="1:6" ht="27" customHeight="1" x14ac:dyDescent="0.15">
      <c r="A100" s="10"/>
      <c r="B100" s="11"/>
      <c r="C100" s="12"/>
      <c r="D100" s="11"/>
      <c r="E100" s="11"/>
      <c r="F100" s="9"/>
    </row>
    <row r="101" spans="1:6" ht="27" customHeight="1" x14ac:dyDescent="0.15">
      <c r="A101" s="10"/>
      <c r="B101" s="11"/>
      <c r="C101" s="12"/>
      <c r="D101" s="11"/>
      <c r="E101" s="11"/>
      <c r="F101" s="9"/>
    </row>
    <row r="102" spans="1:6" ht="27" customHeight="1" x14ac:dyDescent="0.15">
      <c r="A102" s="10"/>
      <c r="B102" s="11"/>
      <c r="C102" s="12"/>
      <c r="D102" s="11"/>
      <c r="E102" s="11"/>
      <c r="F102" s="9"/>
    </row>
    <row r="103" spans="1:6" ht="27" customHeight="1" x14ac:dyDescent="0.15">
      <c r="A103" s="10"/>
      <c r="B103" s="11"/>
      <c r="C103" s="12"/>
      <c r="D103" s="11"/>
      <c r="E103" s="11"/>
      <c r="F103" s="9"/>
    </row>
    <row r="104" spans="1:6" ht="27" customHeight="1" x14ac:dyDescent="0.15">
      <c r="A104" s="10"/>
      <c r="B104" s="11"/>
      <c r="C104" s="12"/>
      <c r="D104" s="11"/>
      <c r="E104" s="11"/>
      <c r="F104" s="9"/>
    </row>
    <row r="105" spans="1:6" ht="27" customHeight="1" x14ac:dyDescent="0.15">
      <c r="A105" s="10"/>
      <c r="B105" s="11"/>
      <c r="C105" s="12"/>
      <c r="D105" s="11"/>
      <c r="E105" s="11"/>
      <c r="F105" s="9"/>
    </row>
    <row r="106" spans="1:6" ht="27" customHeight="1" x14ac:dyDescent="0.15">
      <c r="A106" s="10"/>
      <c r="B106" s="11"/>
      <c r="C106" s="12"/>
      <c r="D106" s="11"/>
      <c r="E106" s="11"/>
      <c r="F106" s="9"/>
    </row>
    <row r="107" spans="1:6" ht="27" customHeight="1" x14ac:dyDescent="0.15">
      <c r="A107" s="10"/>
      <c r="B107" s="11"/>
      <c r="C107" s="12"/>
      <c r="D107" s="11"/>
      <c r="E107" s="11"/>
      <c r="F107" s="9"/>
    </row>
    <row r="108" spans="1:6" ht="27" customHeight="1" x14ac:dyDescent="0.15">
      <c r="A108" s="10"/>
      <c r="B108" s="11"/>
      <c r="C108" s="12"/>
      <c r="D108" s="11"/>
      <c r="E108" s="11"/>
      <c r="F108" s="9"/>
    </row>
    <row r="109" spans="1:6" ht="27" customHeight="1" x14ac:dyDescent="0.15">
      <c r="A109" s="10"/>
      <c r="B109" s="11"/>
      <c r="C109" s="12"/>
      <c r="D109" s="11"/>
      <c r="E109" s="11"/>
      <c r="F109" s="9"/>
    </row>
    <row r="110" spans="1:6" ht="27" customHeight="1" x14ac:dyDescent="0.15">
      <c r="A110" s="10"/>
      <c r="B110" s="11"/>
      <c r="C110" s="12"/>
      <c r="D110" s="11"/>
      <c r="E110" s="11"/>
      <c r="F110" s="9"/>
    </row>
    <row r="111" spans="1:6" ht="27" customHeight="1" x14ac:dyDescent="0.15">
      <c r="A111" s="10"/>
      <c r="B111" s="11"/>
      <c r="C111" s="12"/>
      <c r="D111" s="11"/>
      <c r="E111" s="11"/>
      <c r="F111" s="9"/>
    </row>
    <row r="112" spans="1:6" ht="27" customHeight="1" x14ac:dyDescent="0.15">
      <c r="A112" s="10"/>
      <c r="B112" s="11"/>
      <c r="C112" s="12"/>
      <c r="D112" s="11"/>
      <c r="E112" s="11"/>
      <c r="F112" s="9"/>
    </row>
    <row r="113" spans="1:6" ht="27" customHeight="1" x14ac:dyDescent="0.15">
      <c r="A113" s="10"/>
      <c r="B113" s="11"/>
      <c r="C113" s="12"/>
      <c r="D113" s="11"/>
      <c r="E113" s="11"/>
      <c r="F113" s="9"/>
    </row>
    <row r="114" spans="1:6" ht="27" customHeight="1" x14ac:dyDescent="0.15">
      <c r="A114" s="10"/>
      <c r="B114" s="11"/>
      <c r="C114" s="12"/>
      <c r="D114" s="11"/>
      <c r="E114" s="11"/>
      <c r="F114" s="9"/>
    </row>
    <row r="115" spans="1:6" ht="27" customHeight="1" x14ac:dyDescent="0.15">
      <c r="A115" s="10"/>
      <c r="B115" s="11"/>
      <c r="C115" s="12"/>
      <c r="D115" s="11"/>
      <c r="E115" s="11"/>
      <c r="F115" s="9"/>
    </row>
    <row r="116" spans="1:6" ht="27" customHeight="1" x14ac:dyDescent="0.15">
      <c r="A116" s="10"/>
      <c r="B116" s="11"/>
      <c r="C116" s="12"/>
      <c r="D116" s="11"/>
      <c r="E116" s="11"/>
      <c r="F116" s="9"/>
    </row>
    <row r="117" spans="1:6" ht="27" customHeight="1" x14ac:dyDescent="0.15">
      <c r="A117" s="10"/>
      <c r="B117" s="11"/>
      <c r="C117" s="12"/>
      <c r="D117" s="11"/>
      <c r="E117" s="11"/>
      <c r="F117" s="9"/>
    </row>
    <row r="118" spans="1:6" ht="27" customHeight="1" x14ac:dyDescent="0.15">
      <c r="A118" s="10"/>
      <c r="B118" s="11"/>
      <c r="C118" s="12"/>
      <c r="D118" s="11"/>
      <c r="E118" s="11"/>
      <c r="F118" s="9"/>
    </row>
    <row r="119" spans="1:6" ht="27" customHeight="1" x14ac:dyDescent="0.15">
      <c r="A119" s="10"/>
      <c r="B119" s="11"/>
      <c r="C119" s="12"/>
      <c r="D119" s="11"/>
      <c r="E119" s="11"/>
      <c r="F119" s="9"/>
    </row>
    <row r="120" spans="1:6" ht="27" customHeight="1" x14ac:dyDescent="0.15">
      <c r="A120" s="10"/>
      <c r="B120" s="11"/>
      <c r="C120" s="12"/>
      <c r="D120" s="11"/>
      <c r="E120" s="11"/>
      <c r="F120" s="9"/>
    </row>
    <row r="121" spans="1:6" ht="27" customHeight="1" x14ac:dyDescent="0.15">
      <c r="A121" s="10"/>
      <c r="B121" s="11"/>
      <c r="C121" s="12"/>
      <c r="D121" s="11"/>
      <c r="E121" s="11"/>
      <c r="F121" s="9"/>
    </row>
    <row r="122" spans="1:6" ht="27" customHeight="1" x14ac:dyDescent="0.15">
      <c r="A122" s="10"/>
      <c r="B122" s="11"/>
      <c r="C122" s="12"/>
      <c r="D122" s="11"/>
      <c r="E122" s="11"/>
      <c r="F122" s="9"/>
    </row>
    <row r="123" spans="1:6" ht="27" customHeight="1" x14ac:dyDescent="0.15">
      <c r="A123" s="10"/>
      <c r="B123" s="11"/>
      <c r="C123" s="12"/>
      <c r="D123" s="11"/>
      <c r="E123" s="11"/>
      <c r="F123" s="9"/>
    </row>
    <row r="124" spans="1:6" ht="27" customHeight="1" x14ac:dyDescent="0.15">
      <c r="A124" s="10"/>
      <c r="B124" s="11"/>
      <c r="C124" s="12"/>
      <c r="D124" s="11"/>
      <c r="E124" s="11"/>
      <c r="F124" s="9"/>
    </row>
    <row r="125" spans="1:6" ht="27" customHeight="1" x14ac:dyDescent="0.15">
      <c r="A125" s="10"/>
      <c r="B125" s="11"/>
      <c r="C125" s="12"/>
      <c r="D125" s="11"/>
      <c r="E125" s="11"/>
      <c r="F125" s="9"/>
    </row>
    <row r="126" spans="1:6" ht="27" customHeight="1" x14ac:dyDescent="0.15">
      <c r="A126" s="10"/>
      <c r="B126" s="11"/>
      <c r="C126" s="12"/>
      <c r="D126" s="11"/>
      <c r="E126" s="11"/>
      <c r="F126" s="9"/>
    </row>
    <row r="127" spans="1:6" ht="27" customHeight="1" x14ac:dyDescent="0.15">
      <c r="A127" s="10"/>
      <c r="B127" s="11"/>
      <c r="C127" s="12"/>
      <c r="D127" s="11"/>
      <c r="E127" s="11"/>
      <c r="F127" s="9"/>
    </row>
    <row r="128" spans="1:6" ht="27" customHeight="1" x14ac:dyDescent="0.15">
      <c r="A128" s="10"/>
      <c r="B128" s="11"/>
      <c r="C128" s="12"/>
      <c r="D128" s="11"/>
      <c r="E128" s="11"/>
      <c r="F128" s="9"/>
    </row>
    <row r="129" spans="1:6" ht="27" customHeight="1" x14ac:dyDescent="0.15">
      <c r="A129" s="10"/>
      <c r="B129" s="11"/>
      <c r="C129" s="12"/>
      <c r="D129" s="11"/>
      <c r="E129" s="11"/>
      <c r="F129" s="9"/>
    </row>
    <row r="130" spans="1:6" ht="27" customHeight="1" x14ac:dyDescent="0.15">
      <c r="A130" s="10"/>
      <c r="B130" s="11"/>
      <c r="C130" s="12"/>
      <c r="D130" s="11"/>
      <c r="E130" s="11"/>
      <c r="F130" s="9"/>
    </row>
    <row r="131" spans="1:6" ht="27" customHeight="1" x14ac:dyDescent="0.15">
      <c r="A131" s="10"/>
      <c r="B131" s="11"/>
      <c r="C131" s="12"/>
      <c r="D131" s="11"/>
      <c r="E131" s="11"/>
      <c r="F131" s="9"/>
    </row>
    <row r="132" spans="1:6" ht="27" customHeight="1" x14ac:dyDescent="0.15">
      <c r="A132" s="10"/>
      <c r="B132" s="11"/>
      <c r="C132" s="12"/>
      <c r="D132" s="11"/>
      <c r="E132" s="11"/>
      <c r="F132" s="9"/>
    </row>
    <row r="133" spans="1:6" ht="27" customHeight="1" x14ac:dyDescent="0.15">
      <c r="A133" s="10"/>
      <c r="B133" s="11"/>
      <c r="C133" s="12"/>
      <c r="D133" s="11"/>
      <c r="E133" s="11"/>
      <c r="F133" s="9"/>
    </row>
    <row r="134" spans="1:6" ht="27" customHeight="1" x14ac:dyDescent="0.15">
      <c r="A134" s="10"/>
      <c r="B134" s="11"/>
      <c r="C134" s="12"/>
      <c r="D134" s="11"/>
      <c r="E134" s="11"/>
      <c r="F134" s="9"/>
    </row>
    <row r="135" spans="1:6" ht="27" customHeight="1" x14ac:dyDescent="0.15">
      <c r="A135" s="10"/>
      <c r="B135" s="11"/>
      <c r="C135" s="12"/>
      <c r="D135" s="11"/>
      <c r="E135" s="11"/>
      <c r="F135" s="9"/>
    </row>
    <row r="136" spans="1:6" ht="27" customHeight="1" x14ac:dyDescent="0.15">
      <c r="A136" s="10"/>
      <c r="B136" s="11"/>
      <c r="C136" s="12"/>
      <c r="D136" s="11"/>
      <c r="E136" s="11"/>
      <c r="F136" s="9"/>
    </row>
    <row r="137" spans="1:6" ht="27" customHeight="1" x14ac:dyDescent="0.15">
      <c r="A137" s="10"/>
      <c r="B137" s="11"/>
      <c r="C137" s="12"/>
      <c r="D137" s="11"/>
      <c r="E137" s="11"/>
      <c r="F137" s="9"/>
    </row>
    <row r="138" spans="1:6" ht="27" customHeight="1" x14ac:dyDescent="0.15">
      <c r="A138" s="10"/>
      <c r="B138" s="11"/>
      <c r="C138" s="12"/>
      <c r="D138" s="11"/>
      <c r="E138" s="11"/>
      <c r="F138" s="9"/>
    </row>
    <row r="139" spans="1:6" ht="27" customHeight="1" x14ac:dyDescent="0.15">
      <c r="A139" s="10"/>
      <c r="B139" s="11"/>
      <c r="C139" s="12"/>
      <c r="D139" s="11"/>
      <c r="E139" s="11"/>
      <c r="F139" s="9"/>
    </row>
    <row r="140" spans="1:6" ht="27" customHeight="1" x14ac:dyDescent="0.15">
      <c r="A140" s="10"/>
      <c r="B140" s="11"/>
      <c r="C140" s="12"/>
      <c r="D140" s="11"/>
      <c r="E140" s="11"/>
      <c r="F140" s="9"/>
    </row>
    <row r="141" spans="1:6" ht="27" customHeight="1" x14ac:dyDescent="0.15">
      <c r="A141" s="10"/>
      <c r="B141" s="11"/>
      <c r="C141" s="12"/>
      <c r="D141" s="11"/>
      <c r="E141" s="11"/>
      <c r="F141" s="9"/>
    </row>
    <row r="142" spans="1:6" ht="27" customHeight="1" x14ac:dyDescent="0.15">
      <c r="A142" s="10"/>
      <c r="B142" s="11"/>
      <c r="C142" s="12"/>
      <c r="D142" s="11"/>
      <c r="E142" s="11"/>
      <c r="F142" s="9"/>
    </row>
    <row r="143" spans="1:6" ht="27" customHeight="1" x14ac:dyDescent="0.15">
      <c r="A143" s="10"/>
      <c r="B143" s="11"/>
      <c r="C143" s="12"/>
      <c r="D143" s="11"/>
      <c r="E143" s="11"/>
      <c r="F143" s="9"/>
    </row>
    <row r="144" spans="1:6" ht="27" customHeight="1" x14ac:dyDescent="0.15">
      <c r="A144" s="10"/>
      <c r="B144" s="11"/>
      <c r="C144" s="12"/>
      <c r="D144" s="11"/>
      <c r="E144" s="11"/>
      <c r="F144" s="9"/>
    </row>
    <row r="145" spans="1:6" ht="27" customHeight="1" x14ac:dyDescent="0.15">
      <c r="A145" s="10"/>
      <c r="B145" s="11"/>
      <c r="C145" s="12"/>
      <c r="D145" s="11"/>
      <c r="E145" s="11"/>
      <c r="F145" s="9"/>
    </row>
    <row r="146" spans="1:6" ht="27" customHeight="1" x14ac:dyDescent="0.15">
      <c r="A146" s="10"/>
      <c r="B146" s="11"/>
      <c r="C146" s="12"/>
      <c r="D146" s="11"/>
      <c r="E146" s="11"/>
      <c r="F146" s="9"/>
    </row>
    <row r="147" spans="1:6" ht="27" customHeight="1" x14ac:dyDescent="0.15">
      <c r="A147" s="10"/>
      <c r="B147" s="11"/>
      <c r="C147" s="12"/>
      <c r="D147" s="11"/>
      <c r="E147" s="11"/>
      <c r="F147" s="9"/>
    </row>
    <row r="148" spans="1:6" ht="27" customHeight="1" x14ac:dyDescent="0.15">
      <c r="A148" s="10"/>
      <c r="B148" s="11"/>
      <c r="C148" s="12"/>
      <c r="D148" s="11"/>
      <c r="E148" s="11"/>
      <c r="F148" s="9"/>
    </row>
    <row r="149" spans="1:6" ht="27" customHeight="1" x14ac:dyDescent="0.15">
      <c r="A149" s="10"/>
      <c r="B149" s="11"/>
      <c r="C149" s="12"/>
      <c r="D149" s="11"/>
      <c r="E149" s="11"/>
      <c r="F149" s="9"/>
    </row>
    <row r="150" spans="1:6" ht="27" customHeight="1" x14ac:dyDescent="0.15">
      <c r="A150" s="10"/>
      <c r="B150" s="11"/>
      <c r="C150" s="12"/>
      <c r="D150" s="11"/>
      <c r="E150" s="11"/>
      <c r="F150" s="9"/>
    </row>
    <row r="151" spans="1:6" ht="27" customHeight="1" x14ac:dyDescent="0.15">
      <c r="A151" s="10"/>
      <c r="B151" s="11"/>
      <c r="C151" s="12"/>
      <c r="D151" s="11"/>
      <c r="E151" s="11"/>
      <c r="F151" s="9"/>
    </row>
    <row r="152" spans="1:6" ht="27" customHeight="1" x14ac:dyDescent="0.15">
      <c r="A152" s="10"/>
      <c r="B152" s="11"/>
      <c r="C152" s="12"/>
      <c r="D152" s="11"/>
      <c r="E152" s="11"/>
      <c r="F152" s="9"/>
    </row>
    <row r="153" spans="1:6" ht="27" customHeight="1" x14ac:dyDescent="0.15">
      <c r="A153" s="10"/>
      <c r="B153" s="11"/>
      <c r="C153" s="12"/>
      <c r="D153" s="11"/>
      <c r="E153" s="11"/>
      <c r="F153" s="9"/>
    </row>
    <row r="154" spans="1:6" ht="27" customHeight="1" x14ac:dyDescent="0.15">
      <c r="A154" s="10"/>
      <c r="B154" s="11"/>
      <c r="C154" s="12"/>
      <c r="D154" s="11"/>
      <c r="E154" s="11"/>
      <c r="F154" s="9"/>
    </row>
    <row r="155" spans="1:6" ht="27" customHeight="1" x14ac:dyDescent="0.15">
      <c r="A155" s="10"/>
      <c r="B155" s="11"/>
      <c r="C155" s="12"/>
      <c r="D155" s="11"/>
      <c r="E155" s="11"/>
      <c r="F155" s="9"/>
    </row>
    <row r="156" spans="1:6" ht="27" customHeight="1" x14ac:dyDescent="0.15">
      <c r="A156" s="10"/>
      <c r="B156" s="11"/>
      <c r="C156" s="12"/>
      <c r="D156" s="11"/>
      <c r="E156" s="11"/>
      <c r="F156" s="9"/>
    </row>
    <row r="157" spans="1:6" ht="27" customHeight="1" x14ac:dyDescent="0.15">
      <c r="A157" s="10"/>
      <c r="B157" s="11"/>
      <c r="C157" s="12"/>
      <c r="D157" s="11"/>
      <c r="E157" s="11"/>
      <c r="F157" s="9"/>
    </row>
    <row r="158" spans="1:6" ht="27" customHeight="1" x14ac:dyDescent="0.15">
      <c r="A158" s="10"/>
      <c r="B158" s="11"/>
      <c r="C158" s="12"/>
      <c r="D158" s="11"/>
      <c r="E158" s="11"/>
      <c r="F158" s="9"/>
    </row>
    <row r="159" spans="1:6" ht="27" customHeight="1" x14ac:dyDescent="0.15">
      <c r="A159" s="10"/>
      <c r="B159" s="11"/>
      <c r="C159" s="12"/>
      <c r="D159" s="11"/>
      <c r="E159" s="11"/>
      <c r="F159" s="9"/>
    </row>
    <row r="160" spans="1:6" ht="27" customHeight="1" x14ac:dyDescent="0.15">
      <c r="A160" s="10"/>
      <c r="B160" s="11"/>
      <c r="C160" s="12"/>
      <c r="D160" s="11"/>
      <c r="E160" s="11"/>
      <c r="F160" s="9"/>
    </row>
    <row r="161" spans="1:6" ht="27" customHeight="1" x14ac:dyDescent="0.15">
      <c r="A161" s="10"/>
      <c r="B161" s="11"/>
      <c r="C161" s="12"/>
      <c r="D161" s="11"/>
      <c r="E161" s="11"/>
      <c r="F161" s="9"/>
    </row>
    <row r="162" spans="1:6" ht="27" customHeight="1" x14ac:dyDescent="0.15">
      <c r="A162" s="10"/>
      <c r="B162" s="11"/>
      <c r="C162" s="12"/>
      <c r="D162" s="11"/>
      <c r="E162" s="11"/>
      <c r="F162" s="9"/>
    </row>
    <row r="163" spans="1:6" ht="27" customHeight="1" x14ac:dyDescent="0.15">
      <c r="A163" s="10"/>
      <c r="B163" s="11"/>
      <c r="C163" s="12"/>
      <c r="D163" s="11"/>
      <c r="E163" s="11"/>
      <c r="F163" s="9"/>
    </row>
    <row r="164" spans="1:6" ht="27" customHeight="1" x14ac:dyDescent="0.15">
      <c r="A164" s="10"/>
      <c r="B164" s="11"/>
      <c r="C164" s="12"/>
      <c r="D164" s="11"/>
      <c r="E164" s="11"/>
      <c r="F164" s="9"/>
    </row>
    <row r="165" spans="1:6" ht="27" customHeight="1" x14ac:dyDescent="0.15">
      <c r="A165" s="10"/>
      <c r="B165" s="11"/>
      <c r="C165" s="12"/>
      <c r="D165" s="11"/>
      <c r="E165" s="11"/>
      <c r="F165" s="9"/>
    </row>
    <row r="166" spans="1:6" ht="27" customHeight="1" x14ac:dyDescent="0.15">
      <c r="A166" s="10"/>
      <c r="B166" s="11"/>
      <c r="C166" s="12"/>
      <c r="D166" s="11"/>
      <c r="E166" s="11"/>
      <c r="F166" s="9"/>
    </row>
    <row r="167" spans="1:6" ht="27" customHeight="1" x14ac:dyDescent="0.15">
      <c r="A167" s="10"/>
      <c r="B167" s="11"/>
      <c r="C167" s="12"/>
      <c r="D167" s="11"/>
      <c r="E167" s="11"/>
      <c r="F167" s="9"/>
    </row>
    <row r="168" spans="1:6" ht="27" customHeight="1" x14ac:dyDescent="0.15">
      <c r="A168" s="10"/>
      <c r="B168" s="11"/>
      <c r="C168" s="12"/>
      <c r="D168" s="11"/>
      <c r="E168" s="11"/>
      <c r="F168" s="9"/>
    </row>
    <row r="169" spans="1:6" ht="27" customHeight="1" x14ac:dyDescent="0.15">
      <c r="A169" s="10"/>
      <c r="B169" s="11"/>
      <c r="C169" s="12"/>
      <c r="D169" s="11"/>
      <c r="E169" s="11"/>
      <c r="F169" s="9"/>
    </row>
    <row r="170" spans="1:6" ht="27" customHeight="1" x14ac:dyDescent="0.15">
      <c r="A170" s="10"/>
      <c r="B170" s="11"/>
      <c r="C170" s="12"/>
      <c r="D170" s="11"/>
      <c r="E170" s="11"/>
      <c r="F170" s="9"/>
    </row>
    <row r="171" spans="1:6" ht="27" customHeight="1" x14ac:dyDescent="0.15">
      <c r="A171" s="10"/>
      <c r="B171" s="11"/>
      <c r="C171" s="12"/>
      <c r="D171" s="11"/>
      <c r="E171" s="11"/>
      <c r="F171" s="9"/>
    </row>
    <row r="172" spans="1:6" ht="27" customHeight="1" x14ac:dyDescent="0.15">
      <c r="A172" s="10"/>
      <c r="B172" s="11"/>
      <c r="C172" s="12"/>
      <c r="D172" s="11"/>
      <c r="E172" s="11"/>
      <c r="F172" s="9"/>
    </row>
    <row r="173" spans="1:6" ht="27" customHeight="1" x14ac:dyDescent="0.15">
      <c r="A173" s="10"/>
      <c r="B173" s="11"/>
      <c r="C173" s="12"/>
      <c r="D173" s="11"/>
      <c r="E173" s="11"/>
      <c r="F173" s="9"/>
    </row>
    <row r="174" spans="1:6" ht="27" customHeight="1" x14ac:dyDescent="0.15">
      <c r="A174" s="10"/>
      <c r="B174" s="11"/>
      <c r="C174" s="12"/>
      <c r="D174" s="11"/>
      <c r="E174" s="11"/>
      <c r="F174" s="9"/>
    </row>
    <row r="175" spans="1:6" ht="27" customHeight="1" x14ac:dyDescent="0.15">
      <c r="A175" s="10"/>
      <c r="B175" s="11"/>
      <c r="C175" s="12"/>
      <c r="D175" s="11"/>
      <c r="E175" s="11"/>
      <c r="F175" s="9"/>
    </row>
    <row r="176" spans="1:6" ht="27" customHeight="1" x14ac:dyDescent="0.15">
      <c r="A176" s="10"/>
      <c r="B176" s="11"/>
      <c r="C176" s="12"/>
      <c r="D176" s="11"/>
      <c r="E176" s="11"/>
      <c r="F176" s="9"/>
    </row>
    <row r="177" spans="1:6" ht="27" customHeight="1" x14ac:dyDescent="0.15">
      <c r="A177" s="10"/>
      <c r="B177" s="11"/>
      <c r="C177" s="12"/>
      <c r="D177" s="11"/>
      <c r="E177" s="11"/>
      <c r="F177" s="9"/>
    </row>
    <row r="178" spans="1:6" ht="27" customHeight="1" x14ac:dyDescent="0.15">
      <c r="A178" s="10"/>
      <c r="B178" s="11"/>
      <c r="C178" s="12"/>
      <c r="D178" s="11"/>
      <c r="E178" s="11"/>
      <c r="F178" s="9"/>
    </row>
    <row r="179" spans="1:6" ht="27" customHeight="1" x14ac:dyDescent="0.15">
      <c r="A179" s="10"/>
      <c r="B179" s="11"/>
      <c r="C179" s="12"/>
      <c r="D179" s="11"/>
      <c r="E179" s="11"/>
      <c r="F179" s="9"/>
    </row>
    <row r="180" spans="1:6" ht="27" customHeight="1" x14ac:dyDescent="0.15">
      <c r="A180" s="10"/>
      <c r="B180" s="11"/>
      <c r="C180" s="12"/>
      <c r="D180" s="11"/>
      <c r="E180" s="11"/>
      <c r="F180" s="9"/>
    </row>
    <row r="181" spans="1:6" ht="27" customHeight="1" x14ac:dyDescent="0.15">
      <c r="A181" s="10"/>
      <c r="B181" s="11"/>
      <c r="C181" s="12"/>
      <c r="D181" s="11"/>
      <c r="E181" s="11"/>
      <c r="F181" s="9"/>
    </row>
    <row r="182" spans="1:6" ht="27" customHeight="1" x14ac:dyDescent="0.15">
      <c r="A182" s="10"/>
      <c r="B182" s="11"/>
      <c r="C182" s="12"/>
      <c r="D182" s="11"/>
      <c r="E182" s="11"/>
      <c r="F182" s="9"/>
    </row>
    <row r="183" spans="1:6" ht="27" customHeight="1" x14ac:dyDescent="0.15">
      <c r="A183" s="10"/>
      <c r="B183" s="11"/>
      <c r="C183" s="12"/>
      <c r="D183" s="11"/>
      <c r="E183" s="11"/>
      <c r="F183" s="9"/>
    </row>
    <row r="184" spans="1:6" ht="27" customHeight="1" x14ac:dyDescent="0.15">
      <c r="A184" s="10"/>
      <c r="B184" s="11"/>
      <c r="C184" s="12"/>
      <c r="D184" s="11"/>
      <c r="E184" s="11"/>
      <c r="F184" s="9"/>
    </row>
    <row r="185" spans="1:6" ht="27" customHeight="1" x14ac:dyDescent="0.15">
      <c r="A185" s="10"/>
      <c r="B185" s="11"/>
      <c r="C185" s="12"/>
      <c r="D185" s="11"/>
      <c r="E185" s="11"/>
      <c r="F185" s="9"/>
    </row>
    <row r="186" spans="1:6" ht="27" customHeight="1" x14ac:dyDescent="0.15">
      <c r="A186" s="10"/>
      <c r="B186" s="11"/>
      <c r="C186" s="12"/>
      <c r="D186" s="11"/>
      <c r="E186" s="11"/>
      <c r="F186" s="9"/>
    </row>
    <row r="187" spans="1:6" ht="27" customHeight="1" x14ac:dyDescent="0.15">
      <c r="A187" s="10"/>
      <c r="B187" s="11"/>
      <c r="C187" s="12"/>
      <c r="D187" s="11"/>
      <c r="E187" s="11"/>
      <c r="F187" s="9"/>
    </row>
    <row r="188" spans="1:6" ht="27" customHeight="1" x14ac:dyDescent="0.15">
      <c r="A188" s="10"/>
      <c r="B188" s="11"/>
      <c r="C188" s="12"/>
      <c r="D188" s="11"/>
      <c r="E188" s="11"/>
      <c r="F188" s="9"/>
    </row>
    <row r="189" spans="1:6" ht="27" customHeight="1" x14ac:dyDescent="0.15">
      <c r="A189" s="10"/>
      <c r="B189" s="11"/>
      <c r="C189" s="12"/>
      <c r="D189" s="11"/>
      <c r="E189" s="11"/>
      <c r="F189" s="9"/>
    </row>
    <row r="190" spans="1:6" ht="27" customHeight="1" x14ac:dyDescent="0.15">
      <c r="A190" s="10"/>
      <c r="B190" s="11"/>
      <c r="C190" s="12"/>
      <c r="D190" s="11"/>
      <c r="E190" s="11"/>
      <c r="F190" s="9"/>
    </row>
    <row r="191" spans="1:6" ht="27" customHeight="1" x14ac:dyDescent="0.15">
      <c r="A191" s="10"/>
      <c r="B191" s="11"/>
      <c r="C191" s="12"/>
      <c r="D191" s="11"/>
      <c r="E191" s="11"/>
      <c r="F191" s="9"/>
    </row>
    <row r="192" spans="1:6" ht="27" customHeight="1" x14ac:dyDescent="0.15">
      <c r="A192" s="10"/>
      <c r="B192" s="11"/>
      <c r="C192" s="12"/>
      <c r="D192" s="11"/>
      <c r="E192" s="11"/>
      <c r="F192" s="9"/>
    </row>
    <row r="193" spans="1:6" ht="27" customHeight="1" x14ac:dyDescent="0.15">
      <c r="A193" s="10"/>
      <c r="B193" s="11"/>
      <c r="C193" s="12"/>
      <c r="D193" s="11"/>
      <c r="E193" s="11"/>
      <c r="F193" s="9"/>
    </row>
    <row r="194" spans="1:6" ht="27" customHeight="1" x14ac:dyDescent="0.15">
      <c r="A194" s="10"/>
      <c r="B194" s="11"/>
      <c r="C194" s="12"/>
      <c r="D194" s="11"/>
      <c r="E194" s="11"/>
      <c r="F194" s="9"/>
    </row>
    <row r="195" spans="1:6" ht="27" customHeight="1" x14ac:dyDescent="0.15">
      <c r="A195" s="10"/>
      <c r="B195" s="11"/>
      <c r="C195" s="12"/>
      <c r="D195" s="11"/>
      <c r="E195" s="11"/>
      <c r="F195" s="9"/>
    </row>
    <row r="196" spans="1:6" ht="27" customHeight="1" x14ac:dyDescent="0.15">
      <c r="A196" s="10"/>
      <c r="B196" s="11"/>
      <c r="C196" s="12"/>
      <c r="D196" s="11"/>
      <c r="E196" s="11"/>
      <c r="F196" s="9"/>
    </row>
    <row r="197" spans="1:6" ht="27" customHeight="1" x14ac:dyDescent="0.15">
      <c r="A197" s="10"/>
      <c r="B197" s="11"/>
      <c r="C197" s="12"/>
      <c r="D197" s="11"/>
      <c r="E197" s="11"/>
      <c r="F197" s="9"/>
    </row>
    <row r="198" spans="1:6" ht="27" customHeight="1" x14ac:dyDescent="0.15">
      <c r="A198" s="10"/>
      <c r="B198" s="11"/>
      <c r="C198" s="12"/>
      <c r="D198" s="11"/>
      <c r="E198" s="11"/>
      <c r="F198" s="9"/>
    </row>
    <row r="199" spans="1:6" ht="27" customHeight="1" x14ac:dyDescent="0.15">
      <c r="A199" s="10"/>
      <c r="B199" s="11"/>
      <c r="C199" s="12"/>
      <c r="D199" s="11"/>
      <c r="E199" s="11"/>
      <c r="F199" s="9"/>
    </row>
    <row r="200" spans="1:6" ht="27" customHeight="1" x14ac:dyDescent="0.15">
      <c r="A200" s="10"/>
      <c r="B200" s="11"/>
      <c r="C200" s="12"/>
      <c r="D200" s="11"/>
      <c r="E200" s="11"/>
      <c r="F200" s="9"/>
    </row>
    <row r="201" spans="1:6" ht="27" customHeight="1" x14ac:dyDescent="0.15">
      <c r="C201" s="15"/>
    </row>
    <row r="202" spans="1:6" ht="27" customHeight="1" x14ac:dyDescent="0.15">
      <c r="C202" s="15"/>
    </row>
    <row r="203" spans="1:6" ht="27" customHeight="1" x14ac:dyDescent="0.15">
      <c r="C203" s="15"/>
    </row>
    <row r="204" spans="1:6" ht="27" customHeight="1" x14ac:dyDescent="0.15">
      <c r="C204" s="15"/>
    </row>
    <row r="205" spans="1:6" ht="27" customHeight="1" x14ac:dyDescent="0.15">
      <c r="C205" s="15"/>
    </row>
    <row r="206" spans="1:6" ht="27" customHeight="1" x14ac:dyDescent="0.15">
      <c r="C206" s="15"/>
    </row>
    <row r="207" spans="1:6" ht="27" customHeight="1" x14ac:dyDescent="0.15">
      <c r="C207" s="15"/>
    </row>
    <row r="208" spans="1:6" ht="27" customHeight="1" x14ac:dyDescent="0.15">
      <c r="C208" s="15"/>
    </row>
    <row r="209" spans="3:3" ht="27" customHeight="1" x14ac:dyDescent="0.15">
      <c r="C209" s="15"/>
    </row>
    <row r="210" spans="3:3" ht="27" customHeight="1" x14ac:dyDescent="0.15">
      <c r="C210" s="15"/>
    </row>
    <row r="211" spans="3:3" ht="27" customHeight="1" x14ac:dyDescent="0.15">
      <c r="C211" s="15"/>
    </row>
    <row r="212" spans="3:3" ht="27" customHeight="1" x14ac:dyDescent="0.15">
      <c r="C212" s="15"/>
    </row>
    <row r="213" spans="3:3" ht="27" customHeight="1" x14ac:dyDescent="0.15">
      <c r="C213" s="15"/>
    </row>
    <row r="214" spans="3:3" ht="27" customHeight="1" x14ac:dyDescent="0.15">
      <c r="C214" s="15"/>
    </row>
    <row r="215" spans="3:3" ht="27" customHeight="1" x14ac:dyDescent="0.15">
      <c r="C215" s="15"/>
    </row>
    <row r="216" spans="3:3" ht="27" customHeight="1" x14ac:dyDescent="0.15">
      <c r="C216" s="15"/>
    </row>
    <row r="217" spans="3:3" ht="27" customHeight="1" x14ac:dyDescent="0.15">
      <c r="C217" s="15"/>
    </row>
    <row r="218" spans="3:3" ht="27" customHeight="1" x14ac:dyDescent="0.15">
      <c r="C218" s="15"/>
    </row>
    <row r="219" spans="3:3" ht="27" customHeight="1" x14ac:dyDescent="0.15">
      <c r="C219" s="15"/>
    </row>
    <row r="220" spans="3:3" ht="27" customHeight="1" x14ac:dyDescent="0.15">
      <c r="C220" s="15"/>
    </row>
    <row r="221" spans="3:3" ht="27" customHeight="1" x14ac:dyDescent="0.15">
      <c r="C221" s="15"/>
    </row>
    <row r="222" spans="3:3" ht="27" customHeight="1" x14ac:dyDescent="0.15">
      <c r="C222" s="15"/>
    </row>
    <row r="223" spans="3:3" ht="27" customHeight="1" x14ac:dyDescent="0.15">
      <c r="C223" s="15"/>
    </row>
    <row r="224" spans="3:3" ht="27" customHeight="1" x14ac:dyDescent="0.15">
      <c r="C224" s="15"/>
    </row>
    <row r="225" spans="3:3" ht="27" customHeight="1" x14ac:dyDescent="0.15">
      <c r="C225" s="15"/>
    </row>
    <row r="226" spans="3:3" ht="27" customHeight="1" x14ac:dyDescent="0.15">
      <c r="C226" s="15"/>
    </row>
    <row r="227" spans="3:3" ht="27" customHeight="1" x14ac:dyDescent="0.15">
      <c r="C227" s="15"/>
    </row>
    <row r="228" spans="3:3" ht="27" customHeight="1" x14ac:dyDescent="0.15">
      <c r="C228" s="15"/>
    </row>
    <row r="229" spans="3:3" ht="27" customHeight="1" x14ac:dyDescent="0.15">
      <c r="C229" s="15"/>
    </row>
    <row r="230" spans="3:3" ht="27" customHeight="1" x14ac:dyDescent="0.15">
      <c r="C230" s="15"/>
    </row>
    <row r="231" spans="3:3" ht="27" customHeight="1" x14ac:dyDescent="0.15">
      <c r="C231" s="15"/>
    </row>
    <row r="232" spans="3:3" ht="27" customHeight="1" x14ac:dyDescent="0.15">
      <c r="C232" s="15"/>
    </row>
    <row r="233" spans="3:3" ht="27" customHeight="1" x14ac:dyDescent="0.15">
      <c r="C233" s="15"/>
    </row>
    <row r="234" spans="3:3" ht="27" customHeight="1" x14ac:dyDescent="0.15">
      <c r="C234" s="15"/>
    </row>
    <row r="235" spans="3:3" ht="27" customHeight="1" x14ac:dyDescent="0.15">
      <c r="C235" s="15"/>
    </row>
    <row r="236" spans="3:3" ht="27" customHeight="1" x14ac:dyDescent="0.15">
      <c r="C236" s="15"/>
    </row>
    <row r="237" spans="3:3" ht="27" customHeight="1" x14ac:dyDescent="0.15">
      <c r="C237" s="15"/>
    </row>
    <row r="238" spans="3:3" ht="27" customHeight="1" x14ac:dyDescent="0.15">
      <c r="C238" s="15"/>
    </row>
    <row r="239" spans="3:3" ht="27" customHeight="1" x14ac:dyDescent="0.15">
      <c r="C239" s="15"/>
    </row>
    <row r="240" spans="3:3" ht="27" customHeight="1" x14ac:dyDescent="0.15">
      <c r="C240" s="15"/>
    </row>
    <row r="241" spans="3:3" ht="27" customHeight="1" x14ac:dyDescent="0.15">
      <c r="C241" s="15"/>
    </row>
    <row r="242" spans="3:3" ht="27" customHeight="1" x14ac:dyDescent="0.15">
      <c r="C242" s="15"/>
    </row>
    <row r="243" spans="3:3" ht="27" customHeight="1" x14ac:dyDescent="0.15">
      <c r="C243" s="15"/>
    </row>
    <row r="244" spans="3:3" ht="27" customHeight="1" x14ac:dyDescent="0.15">
      <c r="C244" s="15"/>
    </row>
    <row r="245" spans="3:3" ht="27" customHeight="1" x14ac:dyDescent="0.15">
      <c r="C245" s="15"/>
    </row>
    <row r="246" spans="3:3" ht="27" customHeight="1" x14ac:dyDescent="0.15">
      <c r="C246" s="15"/>
    </row>
    <row r="247" spans="3:3" ht="27" customHeight="1" x14ac:dyDescent="0.15">
      <c r="C247" s="15"/>
    </row>
    <row r="248" spans="3:3" ht="27" customHeight="1" x14ac:dyDescent="0.15">
      <c r="C248" s="15"/>
    </row>
    <row r="249" spans="3:3" ht="27" customHeight="1" x14ac:dyDescent="0.15">
      <c r="C249" s="15"/>
    </row>
    <row r="250" spans="3:3" ht="27" customHeight="1" x14ac:dyDescent="0.15">
      <c r="C250" s="15"/>
    </row>
    <row r="251" spans="3:3" ht="27" customHeight="1" x14ac:dyDescent="0.15">
      <c r="C251" s="15"/>
    </row>
    <row r="252" spans="3:3" ht="27" customHeight="1" x14ac:dyDescent="0.15">
      <c r="C252" s="15"/>
    </row>
    <row r="253" spans="3:3" ht="27" customHeight="1" x14ac:dyDescent="0.15">
      <c r="C253" s="15"/>
    </row>
    <row r="254" spans="3:3" ht="27" customHeight="1" x14ac:dyDescent="0.15">
      <c r="C254" s="15"/>
    </row>
    <row r="255" spans="3:3" ht="27" customHeight="1" x14ac:dyDescent="0.15">
      <c r="C255" s="15"/>
    </row>
    <row r="256" spans="3:3" ht="27" customHeight="1" x14ac:dyDescent="0.15">
      <c r="C256" s="15"/>
    </row>
    <row r="257" spans="3:3" ht="27" customHeight="1" x14ac:dyDescent="0.15">
      <c r="C257" s="15"/>
    </row>
    <row r="258" spans="3:3" ht="27" customHeight="1" x14ac:dyDescent="0.15">
      <c r="C258" s="15"/>
    </row>
    <row r="259" spans="3:3" ht="27" customHeight="1" x14ac:dyDescent="0.15">
      <c r="C259" s="15"/>
    </row>
    <row r="260" spans="3:3" ht="27" customHeight="1" x14ac:dyDescent="0.15">
      <c r="C260" s="15"/>
    </row>
    <row r="261" spans="3:3" ht="27" customHeight="1" x14ac:dyDescent="0.15">
      <c r="C261" s="15"/>
    </row>
    <row r="262" spans="3:3" ht="27" customHeight="1" x14ac:dyDescent="0.15">
      <c r="C262" s="15"/>
    </row>
    <row r="263" spans="3:3" ht="27" customHeight="1" x14ac:dyDescent="0.15">
      <c r="C263" s="15"/>
    </row>
    <row r="264" spans="3:3" ht="27" customHeight="1" x14ac:dyDescent="0.15">
      <c r="C264" s="15"/>
    </row>
    <row r="265" spans="3:3" ht="27" customHeight="1" x14ac:dyDescent="0.15">
      <c r="C265" s="15"/>
    </row>
    <row r="266" spans="3:3" ht="27" customHeight="1" x14ac:dyDescent="0.15">
      <c r="C266" s="15"/>
    </row>
    <row r="267" spans="3:3" ht="27" customHeight="1" x14ac:dyDescent="0.15">
      <c r="C267" s="15"/>
    </row>
    <row r="268" spans="3:3" ht="27" customHeight="1" x14ac:dyDescent="0.15">
      <c r="C268" s="15"/>
    </row>
    <row r="269" spans="3:3" ht="27" customHeight="1" x14ac:dyDescent="0.15">
      <c r="C269" s="15"/>
    </row>
    <row r="270" spans="3:3" ht="27" customHeight="1" x14ac:dyDescent="0.15">
      <c r="C270" s="15"/>
    </row>
    <row r="271" spans="3:3" ht="27" customHeight="1" x14ac:dyDescent="0.15">
      <c r="C271" s="15"/>
    </row>
    <row r="272" spans="3:3" ht="27" customHeight="1" x14ac:dyDescent="0.15">
      <c r="C272" s="15"/>
    </row>
    <row r="273" spans="3:3" ht="27" customHeight="1" x14ac:dyDescent="0.15">
      <c r="C273" s="15"/>
    </row>
    <row r="274" spans="3:3" ht="27" customHeight="1" x14ac:dyDescent="0.15">
      <c r="C274" s="15"/>
    </row>
    <row r="275" spans="3:3" ht="27" customHeight="1" x14ac:dyDescent="0.15">
      <c r="C275" s="15"/>
    </row>
    <row r="276" spans="3:3" ht="27" customHeight="1" x14ac:dyDescent="0.15">
      <c r="C276" s="15"/>
    </row>
    <row r="277" spans="3:3" ht="27" customHeight="1" x14ac:dyDescent="0.15">
      <c r="C277" s="15"/>
    </row>
    <row r="278" spans="3:3" ht="27" customHeight="1" x14ac:dyDescent="0.15">
      <c r="C278" s="15"/>
    </row>
    <row r="279" spans="3:3" ht="27" customHeight="1" x14ac:dyDescent="0.15">
      <c r="C279" s="15"/>
    </row>
    <row r="280" spans="3:3" ht="27" customHeight="1" x14ac:dyDescent="0.15">
      <c r="C280" s="15"/>
    </row>
    <row r="281" spans="3:3" ht="27" customHeight="1" x14ac:dyDescent="0.15">
      <c r="C281" s="15"/>
    </row>
    <row r="282" spans="3:3" ht="27" customHeight="1" x14ac:dyDescent="0.15">
      <c r="C282" s="15"/>
    </row>
    <row r="283" spans="3:3" ht="27" customHeight="1" x14ac:dyDescent="0.15">
      <c r="C283" s="15"/>
    </row>
    <row r="284" spans="3:3" ht="27" customHeight="1" x14ac:dyDescent="0.15">
      <c r="C284" s="15"/>
    </row>
    <row r="285" spans="3:3" ht="27" customHeight="1" x14ac:dyDescent="0.15">
      <c r="C285" s="15"/>
    </row>
    <row r="286" spans="3:3" ht="27" customHeight="1" x14ac:dyDescent="0.15">
      <c r="C286" s="15"/>
    </row>
    <row r="287" spans="3:3" ht="27" customHeight="1" x14ac:dyDescent="0.15">
      <c r="C287" s="15"/>
    </row>
    <row r="288" spans="3:3" ht="27" customHeight="1" x14ac:dyDescent="0.15">
      <c r="C288" s="15"/>
    </row>
    <row r="289" spans="3:3" ht="27" customHeight="1" x14ac:dyDescent="0.15">
      <c r="C289" s="15"/>
    </row>
    <row r="290" spans="3:3" ht="27" customHeight="1" x14ac:dyDescent="0.15">
      <c r="C290" s="15"/>
    </row>
    <row r="291" spans="3:3" ht="27" customHeight="1" x14ac:dyDescent="0.15">
      <c r="C291" s="15"/>
    </row>
    <row r="292" spans="3:3" ht="27" customHeight="1" x14ac:dyDescent="0.15">
      <c r="C292" s="15"/>
    </row>
    <row r="293" spans="3:3" ht="27" customHeight="1" x14ac:dyDescent="0.15">
      <c r="C293" s="15"/>
    </row>
    <row r="294" spans="3:3" ht="27" customHeight="1" x14ac:dyDescent="0.15">
      <c r="C294" s="15"/>
    </row>
    <row r="295" spans="3:3" ht="27" customHeight="1" x14ac:dyDescent="0.15">
      <c r="C295" s="15"/>
    </row>
    <row r="296" spans="3:3" ht="27" customHeight="1" x14ac:dyDescent="0.15">
      <c r="C296" s="15"/>
    </row>
    <row r="297" spans="3:3" ht="27" customHeight="1" x14ac:dyDescent="0.15">
      <c r="C297" s="15"/>
    </row>
    <row r="298" spans="3:3" ht="27" customHeight="1" x14ac:dyDescent="0.15">
      <c r="C298" s="15"/>
    </row>
    <row r="299" spans="3:3" ht="27" customHeight="1" x14ac:dyDescent="0.15">
      <c r="C299" s="15"/>
    </row>
    <row r="300" spans="3:3" ht="27" customHeight="1" x14ac:dyDescent="0.15">
      <c r="C300" s="15"/>
    </row>
    <row r="301" spans="3:3" ht="27" customHeight="1" x14ac:dyDescent="0.15">
      <c r="C301" s="15"/>
    </row>
    <row r="302" spans="3:3" ht="27" customHeight="1" x14ac:dyDescent="0.15">
      <c r="C302" s="15"/>
    </row>
    <row r="303" spans="3:3" ht="27" customHeight="1" x14ac:dyDescent="0.15">
      <c r="C303" s="15"/>
    </row>
    <row r="304" spans="3:3" ht="27" customHeight="1" x14ac:dyDescent="0.15">
      <c r="C304" s="15"/>
    </row>
    <row r="305" spans="3:3" ht="27" customHeight="1" x14ac:dyDescent="0.15">
      <c r="C305" s="15"/>
    </row>
    <row r="306" spans="3:3" ht="27" customHeight="1" x14ac:dyDescent="0.15">
      <c r="C306" s="15"/>
    </row>
    <row r="307" spans="3:3" ht="27" customHeight="1" x14ac:dyDescent="0.15">
      <c r="C307" s="15"/>
    </row>
    <row r="308" spans="3:3" ht="27" customHeight="1" x14ac:dyDescent="0.15">
      <c r="C308" s="15"/>
    </row>
    <row r="309" spans="3:3" ht="27" customHeight="1" x14ac:dyDescent="0.15">
      <c r="C309" s="15"/>
    </row>
    <row r="310" spans="3:3" ht="27" customHeight="1" x14ac:dyDescent="0.15">
      <c r="C310" s="15"/>
    </row>
    <row r="311" spans="3:3" ht="27" customHeight="1" x14ac:dyDescent="0.15">
      <c r="C311" s="15"/>
    </row>
    <row r="312" spans="3:3" ht="27" customHeight="1" x14ac:dyDescent="0.15">
      <c r="C312" s="15"/>
    </row>
    <row r="313" spans="3:3" ht="27" customHeight="1" x14ac:dyDescent="0.15">
      <c r="C313" s="15"/>
    </row>
    <row r="314" spans="3:3" ht="27" customHeight="1" x14ac:dyDescent="0.15">
      <c r="C314" s="15"/>
    </row>
    <row r="315" spans="3:3" ht="27" customHeight="1" x14ac:dyDescent="0.15">
      <c r="C315" s="15"/>
    </row>
    <row r="316" spans="3:3" ht="27" customHeight="1" x14ac:dyDescent="0.15">
      <c r="C316" s="15"/>
    </row>
    <row r="317" spans="3:3" ht="27" customHeight="1" x14ac:dyDescent="0.15">
      <c r="C317" s="15"/>
    </row>
    <row r="318" spans="3:3" ht="27" customHeight="1" x14ac:dyDescent="0.15">
      <c r="C318" s="15"/>
    </row>
    <row r="319" spans="3:3" ht="27" customHeight="1" x14ac:dyDescent="0.15">
      <c r="C319" s="15"/>
    </row>
    <row r="320" spans="3:3" ht="27" customHeight="1" x14ac:dyDescent="0.15">
      <c r="C320" s="15"/>
    </row>
    <row r="321" spans="3:3" ht="27" customHeight="1" x14ac:dyDescent="0.15">
      <c r="C321" s="15"/>
    </row>
    <row r="322" spans="3:3" ht="27" customHeight="1" x14ac:dyDescent="0.15">
      <c r="C322" s="15"/>
    </row>
    <row r="323" spans="3:3" ht="27" customHeight="1" x14ac:dyDescent="0.15">
      <c r="C323" s="15"/>
    </row>
    <row r="324" spans="3:3" ht="27" customHeight="1" x14ac:dyDescent="0.15">
      <c r="C324" s="15"/>
    </row>
    <row r="325" spans="3:3" ht="27" customHeight="1" x14ac:dyDescent="0.15">
      <c r="C325" s="15"/>
    </row>
    <row r="326" spans="3:3" ht="27" customHeight="1" x14ac:dyDescent="0.15">
      <c r="C326" s="15"/>
    </row>
    <row r="327" spans="3:3" ht="27" customHeight="1" x14ac:dyDescent="0.15">
      <c r="C327" s="15"/>
    </row>
    <row r="328" spans="3:3" ht="27" customHeight="1" x14ac:dyDescent="0.15">
      <c r="C328" s="15"/>
    </row>
    <row r="329" spans="3:3" ht="27" customHeight="1" x14ac:dyDescent="0.15">
      <c r="C329" s="15"/>
    </row>
    <row r="330" spans="3:3" ht="27" customHeight="1" x14ac:dyDescent="0.15">
      <c r="C330" s="15"/>
    </row>
    <row r="331" spans="3:3" ht="27" customHeight="1" x14ac:dyDescent="0.15">
      <c r="C331" s="15"/>
    </row>
    <row r="332" spans="3:3" ht="27" customHeight="1" x14ac:dyDescent="0.15">
      <c r="C332" s="15"/>
    </row>
    <row r="333" spans="3:3" ht="27" customHeight="1" x14ac:dyDescent="0.15">
      <c r="C333" s="15"/>
    </row>
    <row r="334" spans="3:3" ht="27" customHeight="1" x14ac:dyDescent="0.15">
      <c r="C334" s="15"/>
    </row>
    <row r="335" spans="3:3" ht="27" customHeight="1" x14ac:dyDescent="0.15">
      <c r="C335" s="15"/>
    </row>
    <row r="336" spans="3:3" ht="27" customHeight="1" x14ac:dyDescent="0.15">
      <c r="C336" s="15"/>
    </row>
    <row r="337" spans="3:3" ht="27" customHeight="1" x14ac:dyDescent="0.15">
      <c r="C337" s="15"/>
    </row>
    <row r="338" spans="3:3" ht="27" customHeight="1" x14ac:dyDescent="0.15">
      <c r="C338" s="15"/>
    </row>
    <row r="339" spans="3:3" ht="27" customHeight="1" x14ac:dyDescent="0.15">
      <c r="C339" s="15"/>
    </row>
    <row r="340" spans="3:3" ht="27" customHeight="1" x14ac:dyDescent="0.15">
      <c r="C340" s="15"/>
    </row>
    <row r="341" spans="3:3" ht="27" customHeight="1" x14ac:dyDescent="0.15">
      <c r="C341" s="15"/>
    </row>
    <row r="342" spans="3:3" ht="27" customHeight="1" x14ac:dyDescent="0.15">
      <c r="C342" s="15"/>
    </row>
    <row r="343" spans="3:3" ht="27" customHeight="1" x14ac:dyDescent="0.15">
      <c r="C343" s="15"/>
    </row>
    <row r="344" spans="3:3" ht="27" customHeight="1" x14ac:dyDescent="0.15">
      <c r="C344" s="15"/>
    </row>
    <row r="345" spans="3:3" ht="27" customHeight="1" x14ac:dyDescent="0.15">
      <c r="C345" s="15"/>
    </row>
    <row r="346" spans="3:3" ht="27" customHeight="1" x14ac:dyDescent="0.15">
      <c r="C346" s="15"/>
    </row>
    <row r="347" spans="3:3" ht="27" customHeight="1" x14ac:dyDescent="0.15">
      <c r="C347" s="15"/>
    </row>
    <row r="348" spans="3:3" ht="27" customHeight="1" x14ac:dyDescent="0.15">
      <c r="C348" s="15"/>
    </row>
    <row r="349" spans="3:3" ht="27" customHeight="1" x14ac:dyDescent="0.15">
      <c r="C349" s="15"/>
    </row>
    <row r="350" spans="3:3" ht="27" customHeight="1" x14ac:dyDescent="0.15">
      <c r="C350" s="15"/>
    </row>
    <row r="351" spans="3:3" ht="27" customHeight="1" x14ac:dyDescent="0.15">
      <c r="C351" s="15"/>
    </row>
    <row r="352" spans="3:3" ht="27" customHeight="1" x14ac:dyDescent="0.15">
      <c r="C352" s="15"/>
    </row>
    <row r="353" spans="3:3" ht="27" customHeight="1" x14ac:dyDescent="0.15">
      <c r="C353" s="15"/>
    </row>
    <row r="354" spans="3:3" ht="27" customHeight="1" x14ac:dyDescent="0.15">
      <c r="C354" s="15"/>
    </row>
    <row r="355" spans="3:3" ht="27" customHeight="1" x14ac:dyDescent="0.15">
      <c r="C355" s="15"/>
    </row>
    <row r="356" spans="3:3" ht="27" customHeight="1" x14ac:dyDescent="0.15">
      <c r="C356" s="15"/>
    </row>
    <row r="357" spans="3:3" ht="27" customHeight="1" x14ac:dyDescent="0.15">
      <c r="C357" s="15"/>
    </row>
    <row r="358" spans="3:3" ht="27" customHeight="1" x14ac:dyDescent="0.15">
      <c r="C358" s="15"/>
    </row>
    <row r="359" spans="3:3" ht="27" customHeight="1" x14ac:dyDescent="0.15">
      <c r="C359" s="15"/>
    </row>
    <row r="360" spans="3:3" ht="27" customHeight="1" x14ac:dyDescent="0.15">
      <c r="C360" s="15"/>
    </row>
    <row r="361" spans="3:3" ht="27" customHeight="1" x14ac:dyDescent="0.15">
      <c r="C361" s="15"/>
    </row>
    <row r="362" spans="3:3" ht="27" customHeight="1" x14ac:dyDescent="0.15">
      <c r="C362" s="15"/>
    </row>
    <row r="363" spans="3:3" ht="27" customHeight="1" x14ac:dyDescent="0.15">
      <c r="C363" s="15"/>
    </row>
    <row r="364" spans="3:3" ht="27" customHeight="1" x14ac:dyDescent="0.15">
      <c r="C364" s="15"/>
    </row>
    <row r="365" spans="3:3" ht="27" customHeight="1" x14ac:dyDescent="0.15">
      <c r="C365" s="15"/>
    </row>
    <row r="366" spans="3:3" ht="27" customHeight="1" x14ac:dyDescent="0.15">
      <c r="C366" s="15"/>
    </row>
    <row r="367" spans="3:3" ht="27" customHeight="1" x14ac:dyDescent="0.15">
      <c r="C367" s="15"/>
    </row>
    <row r="368" spans="3:3" ht="27" customHeight="1" x14ac:dyDescent="0.15">
      <c r="C368" s="15"/>
    </row>
    <row r="369" spans="3:3" ht="27" customHeight="1" x14ac:dyDescent="0.15">
      <c r="C369" s="15"/>
    </row>
    <row r="370" spans="3:3" ht="27" customHeight="1" x14ac:dyDescent="0.15">
      <c r="C370" s="15"/>
    </row>
    <row r="371" spans="3:3" ht="27" customHeight="1" x14ac:dyDescent="0.15">
      <c r="C371" s="15"/>
    </row>
    <row r="372" spans="3:3" ht="27" customHeight="1" x14ac:dyDescent="0.15">
      <c r="C372" s="15"/>
    </row>
    <row r="373" spans="3:3" ht="27" customHeight="1" x14ac:dyDescent="0.15">
      <c r="C373" s="15"/>
    </row>
    <row r="374" spans="3:3" ht="27" customHeight="1" x14ac:dyDescent="0.15">
      <c r="C374" s="15"/>
    </row>
    <row r="375" spans="3:3" ht="27" customHeight="1" x14ac:dyDescent="0.15">
      <c r="C375" s="15"/>
    </row>
    <row r="376" spans="3:3" ht="27" customHeight="1" x14ac:dyDescent="0.15">
      <c r="C376" s="15"/>
    </row>
    <row r="377" spans="3:3" ht="27" customHeight="1" x14ac:dyDescent="0.15">
      <c r="C377" s="15"/>
    </row>
    <row r="378" spans="3:3" ht="27" customHeight="1" x14ac:dyDescent="0.15">
      <c r="C378" s="15"/>
    </row>
    <row r="379" spans="3:3" ht="27" customHeight="1" x14ac:dyDescent="0.15">
      <c r="C379" s="15"/>
    </row>
    <row r="380" spans="3:3" ht="27" customHeight="1" x14ac:dyDescent="0.15">
      <c r="C380" s="15"/>
    </row>
    <row r="381" spans="3:3" ht="27" customHeight="1" x14ac:dyDescent="0.15">
      <c r="C381" s="15"/>
    </row>
    <row r="382" spans="3:3" ht="27" customHeight="1" x14ac:dyDescent="0.15">
      <c r="C382" s="15"/>
    </row>
    <row r="383" spans="3:3" ht="27" customHeight="1" x14ac:dyDescent="0.15">
      <c r="C383" s="15"/>
    </row>
    <row r="384" spans="3:3" ht="27" customHeight="1" x14ac:dyDescent="0.15">
      <c r="C384" s="15"/>
    </row>
    <row r="385" spans="3:3" ht="27" customHeight="1" x14ac:dyDescent="0.15">
      <c r="C385" s="15"/>
    </row>
    <row r="386" spans="3:3" ht="27" customHeight="1" x14ac:dyDescent="0.15">
      <c r="C386" s="15"/>
    </row>
    <row r="387" spans="3:3" ht="27" customHeight="1" x14ac:dyDescent="0.15">
      <c r="C387" s="15"/>
    </row>
    <row r="388" spans="3:3" ht="27" customHeight="1" x14ac:dyDescent="0.15">
      <c r="C388" s="15"/>
    </row>
    <row r="389" spans="3:3" ht="27" customHeight="1" x14ac:dyDescent="0.15">
      <c r="C389" s="15"/>
    </row>
    <row r="390" spans="3:3" ht="27" customHeight="1" x14ac:dyDescent="0.15">
      <c r="C390" s="15"/>
    </row>
    <row r="391" spans="3:3" ht="27" customHeight="1" x14ac:dyDescent="0.15">
      <c r="C391" s="15"/>
    </row>
    <row r="392" spans="3:3" ht="27" customHeight="1" x14ac:dyDescent="0.15">
      <c r="C392" s="15"/>
    </row>
    <row r="393" spans="3:3" ht="27" customHeight="1" x14ac:dyDescent="0.15">
      <c r="C393" s="15"/>
    </row>
    <row r="394" spans="3:3" ht="27" customHeight="1" x14ac:dyDescent="0.15">
      <c r="C394" s="15"/>
    </row>
    <row r="395" spans="3:3" ht="27" customHeight="1" x14ac:dyDescent="0.15">
      <c r="C395" s="15"/>
    </row>
    <row r="396" spans="3:3" ht="27" customHeight="1" x14ac:dyDescent="0.15">
      <c r="C396" s="15"/>
    </row>
    <row r="397" spans="3:3" ht="27" customHeight="1" x14ac:dyDescent="0.15">
      <c r="C397" s="15"/>
    </row>
    <row r="398" spans="3:3" ht="27" customHeight="1" x14ac:dyDescent="0.15">
      <c r="C398" s="15"/>
    </row>
    <row r="399" spans="3:3" ht="27" customHeight="1" x14ac:dyDescent="0.15">
      <c r="C399" s="15"/>
    </row>
    <row r="400" spans="3:3" ht="27" customHeight="1" x14ac:dyDescent="0.15">
      <c r="C400" s="15"/>
    </row>
    <row r="401" spans="3:3" ht="27" customHeight="1" x14ac:dyDescent="0.15">
      <c r="C401" s="15"/>
    </row>
    <row r="402" spans="3:3" ht="27" customHeight="1" x14ac:dyDescent="0.15">
      <c r="C402" s="15"/>
    </row>
    <row r="403" spans="3:3" ht="27" customHeight="1" x14ac:dyDescent="0.15">
      <c r="C403" s="15"/>
    </row>
    <row r="404" spans="3:3" ht="27" customHeight="1" x14ac:dyDescent="0.15">
      <c r="C404" s="15"/>
    </row>
    <row r="405" spans="3:3" ht="27" customHeight="1" x14ac:dyDescent="0.15">
      <c r="C405" s="15"/>
    </row>
    <row r="406" spans="3:3" ht="27" customHeight="1" x14ac:dyDescent="0.15">
      <c r="C406" s="15"/>
    </row>
    <row r="407" spans="3:3" ht="27" customHeight="1" x14ac:dyDescent="0.15">
      <c r="C407" s="15"/>
    </row>
    <row r="408" spans="3:3" ht="27" customHeight="1" x14ac:dyDescent="0.15">
      <c r="C408" s="15"/>
    </row>
    <row r="409" spans="3:3" ht="27" customHeight="1" x14ac:dyDescent="0.15">
      <c r="C409" s="15"/>
    </row>
    <row r="410" spans="3:3" ht="27" customHeight="1" x14ac:dyDescent="0.15">
      <c r="C410" s="15"/>
    </row>
    <row r="411" spans="3:3" ht="27" customHeight="1" x14ac:dyDescent="0.15">
      <c r="C411" s="15"/>
    </row>
    <row r="412" spans="3:3" ht="27" customHeight="1" x14ac:dyDescent="0.15">
      <c r="C412" s="15"/>
    </row>
    <row r="413" spans="3:3" ht="27" customHeight="1" x14ac:dyDescent="0.15">
      <c r="C413" s="15"/>
    </row>
    <row r="414" spans="3:3" ht="27" customHeight="1" x14ac:dyDescent="0.15">
      <c r="C414" s="15"/>
    </row>
    <row r="415" spans="3:3" ht="27" customHeight="1" x14ac:dyDescent="0.15">
      <c r="C415" s="15"/>
    </row>
    <row r="416" spans="3:3" ht="27" customHeight="1" x14ac:dyDescent="0.15">
      <c r="C416" s="15"/>
    </row>
    <row r="417" spans="3:3" ht="27" customHeight="1" x14ac:dyDescent="0.15">
      <c r="C417" s="15"/>
    </row>
    <row r="418" spans="3:3" ht="27" customHeight="1" x14ac:dyDescent="0.15">
      <c r="C418" s="15"/>
    </row>
    <row r="419" spans="3:3" ht="27" customHeight="1" x14ac:dyDescent="0.15">
      <c r="C419" s="15"/>
    </row>
    <row r="420" spans="3:3" ht="27" customHeight="1" x14ac:dyDescent="0.15">
      <c r="C420" s="15"/>
    </row>
    <row r="421" spans="3:3" ht="27" customHeight="1" x14ac:dyDescent="0.15">
      <c r="C421" s="15"/>
    </row>
    <row r="422" spans="3:3" ht="27" customHeight="1" x14ac:dyDescent="0.15">
      <c r="C422" s="15"/>
    </row>
    <row r="423" spans="3:3" ht="27" customHeight="1" x14ac:dyDescent="0.15">
      <c r="C423" s="15"/>
    </row>
    <row r="424" spans="3:3" ht="27" customHeight="1" x14ac:dyDescent="0.15">
      <c r="C424" s="15"/>
    </row>
    <row r="425" spans="3:3" ht="27" customHeight="1" x14ac:dyDescent="0.15">
      <c r="C425" s="15"/>
    </row>
    <row r="426" spans="3:3" ht="27" customHeight="1" x14ac:dyDescent="0.15">
      <c r="C426" s="15"/>
    </row>
    <row r="427" spans="3:3" ht="27" customHeight="1" x14ac:dyDescent="0.15">
      <c r="C427" s="15"/>
    </row>
    <row r="428" spans="3:3" ht="27" customHeight="1" x14ac:dyDescent="0.15">
      <c r="C428" s="15"/>
    </row>
    <row r="429" spans="3:3" ht="27" customHeight="1" x14ac:dyDescent="0.15">
      <c r="C429" s="15"/>
    </row>
    <row r="430" spans="3:3" ht="27" customHeight="1" x14ac:dyDescent="0.15">
      <c r="C430" s="15"/>
    </row>
    <row r="431" spans="3:3" ht="27" customHeight="1" x14ac:dyDescent="0.15">
      <c r="C431" s="15"/>
    </row>
    <row r="432" spans="3:3" ht="27" customHeight="1" x14ac:dyDescent="0.15">
      <c r="C432" s="15"/>
    </row>
    <row r="433" spans="3:3" ht="27" customHeight="1" x14ac:dyDescent="0.15">
      <c r="C433" s="15"/>
    </row>
    <row r="434" spans="3:3" ht="27" customHeight="1" x14ac:dyDescent="0.15">
      <c r="C434" s="15"/>
    </row>
    <row r="435" spans="3:3" ht="27" customHeight="1" x14ac:dyDescent="0.15">
      <c r="C435" s="15"/>
    </row>
    <row r="436" spans="3:3" ht="27" customHeight="1" x14ac:dyDescent="0.15">
      <c r="C436" s="15"/>
    </row>
    <row r="437" spans="3:3" ht="27" customHeight="1" x14ac:dyDescent="0.15">
      <c r="C437" s="15"/>
    </row>
    <row r="438" spans="3:3" ht="27" customHeight="1" x14ac:dyDescent="0.15">
      <c r="C438" s="15"/>
    </row>
    <row r="439" spans="3:3" ht="27" customHeight="1" x14ac:dyDescent="0.15">
      <c r="C439" s="15"/>
    </row>
    <row r="440" spans="3:3" ht="27" customHeight="1" x14ac:dyDescent="0.15">
      <c r="C440" s="15"/>
    </row>
    <row r="441" spans="3:3" ht="27" customHeight="1" x14ac:dyDescent="0.15">
      <c r="C441" s="15"/>
    </row>
    <row r="442" spans="3:3" ht="27" customHeight="1" x14ac:dyDescent="0.15">
      <c r="C442" s="15"/>
    </row>
    <row r="443" spans="3:3" ht="27" customHeight="1" x14ac:dyDescent="0.15">
      <c r="C443" s="15"/>
    </row>
    <row r="444" spans="3:3" ht="27" customHeight="1" x14ac:dyDescent="0.15">
      <c r="C444" s="15"/>
    </row>
    <row r="445" spans="3:3" ht="27" customHeight="1" x14ac:dyDescent="0.15">
      <c r="C445" s="15"/>
    </row>
    <row r="446" spans="3:3" ht="27" customHeight="1" x14ac:dyDescent="0.15">
      <c r="C446" s="15"/>
    </row>
    <row r="447" spans="3:3" ht="27" customHeight="1" x14ac:dyDescent="0.15">
      <c r="C447" s="15"/>
    </row>
    <row r="448" spans="3:3" ht="27" customHeight="1" x14ac:dyDescent="0.15">
      <c r="C448" s="15"/>
    </row>
    <row r="449" spans="3:3" ht="27" customHeight="1" x14ac:dyDescent="0.15">
      <c r="C449" s="15"/>
    </row>
    <row r="450" spans="3:3" ht="27" customHeight="1" x14ac:dyDescent="0.15">
      <c r="C450" s="15"/>
    </row>
    <row r="451" spans="3:3" ht="27" customHeight="1" x14ac:dyDescent="0.15">
      <c r="C451" s="15"/>
    </row>
    <row r="452" spans="3:3" ht="27" customHeight="1" x14ac:dyDescent="0.15">
      <c r="C452" s="15"/>
    </row>
    <row r="453" spans="3:3" ht="27" customHeight="1" x14ac:dyDescent="0.15">
      <c r="C453" s="15"/>
    </row>
    <row r="454" spans="3:3" ht="27" customHeight="1" x14ac:dyDescent="0.15">
      <c r="C454" s="15"/>
    </row>
    <row r="455" spans="3:3" ht="27" customHeight="1" x14ac:dyDescent="0.15">
      <c r="C455" s="15"/>
    </row>
    <row r="456" spans="3:3" ht="27" customHeight="1" x14ac:dyDescent="0.15">
      <c r="C456" s="15"/>
    </row>
    <row r="457" spans="3:3" ht="27" customHeight="1" x14ac:dyDescent="0.15">
      <c r="C457" s="15"/>
    </row>
    <row r="458" spans="3:3" ht="27" customHeight="1" x14ac:dyDescent="0.15">
      <c r="C458" s="15"/>
    </row>
    <row r="459" spans="3:3" ht="27" customHeight="1" x14ac:dyDescent="0.15">
      <c r="C459" s="15"/>
    </row>
    <row r="460" spans="3:3" ht="27" customHeight="1" x14ac:dyDescent="0.15">
      <c r="C460" s="15"/>
    </row>
    <row r="461" spans="3:3" ht="27" customHeight="1" x14ac:dyDescent="0.15">
      <c r="C461" s="15"/>
    </row>
    <row r="462" spans="3:3" ht="27" customHeight="1" x14ac:dyDescent="0.15">
      <c r="C462" s="15"/>
    </row>
    <row r="463" spans="3:3" ht="27" customHeight="1" x14ac:dyDescent="0.15">
      <c r="C463" s="15"/>
    </row>
    <row r="464" spans="3:3" ht="27" customHeight="1" x14ac:dyDescent="0.15">
      <c r="C464" s="15"/>
    </row>
    <row r="465" spans="3:3" ht="27" customHeight="1" x14ac:dyDescent="0.15">
      <c r="C465" s="15"/>
    </row>
    <row r="466" spans="3:3" ht="27" customHeight="1" x14ac:dyDescent="0.15">
      <c r="C466" s="15"/>
    </row>
    <row r="467" spans="3:3" ht="27" customHeight="1" x14ac:dyDescent="0.15">
      <c r="C467" s="15"/>
    </row>
    <row r="468" spans="3:3" ht="27" customHeight="1" x14ac:dyDescent="0.15">
      <c r="C468" s="15"/>
    </row>
    <row r="469" spans="3:3" ht="27" customHeight="1" x14ac:dyDescent="0.15">
      <c r="C469" s="15"/>
    </row>
    <row r="470" spans="3:3" ht="27" customHeight="1" x14ac:dyDescent="0.15">
      <c r="C470" s="15"/>
    </row>
    <row r="471" spans="3:3" ht="27" customHeight="1" x14ac:dyDescent="0.15">
      <c r="C471" s="15"/>
    </row>
    <row r="472" spans="3:3" ht="27" customHeight="1" x14ac:dyDescent="0.15">
      <c r="C472" s="15"/>
    </row>
    <row r="473" spans="3:3" ht="27" customHeight="1" x14ac:dyDescent="0.15">
      <c r="C473" s="15"/>
    </row>
    <row r="474" spans="3:3" ht="27" customHeight="1" x14ac:dyDescent="0.15">
      <c r="C474" s="15"/>
    </row>
    <row r="475" spans="3:3" ht="27" customHeight="1" x14ac:dyDescent="0.15">
      <c r="C475" s="15"/>
    </row>
    <row r="476" spans="3:3" ht="27" customHeight="1" x14ac:dyDescent="0.15">
      <c r="C476" s="15"/>
    </row>
    <row r="477" spans="3:3" ht="27" customHeight="1" x14ac:dyDescent="0.15">
      <c r="C477" s="15"/>
    </row>
    <row r="478" spans="3:3" ht="27" customHeight="1" x14ac:dyDescent="0.15">
      <c r="C478" s="15"/>
    </row>
    <row r="479" spans="3:3" ht="27" customHeight="1" x14ac:dyDescent="0.15">
      <c r="C479" s="15"/>
    </row>
    <row r="480" spans="3:3" ht="27" customHeight="1" x14ac:dyDescent="0.15">
      <c r="C480" s="15"/>
    </row>
    <row r="481" spans="3:3" ht="27" customHeight="1" x14ac:dyDescent="0.15">
      <c r="C481" s="15"/>
    </row>
    <row r="482" spans="3:3" ht="27" customHeight="1" x14ac:dyDescent="0.15">
      <c r="C482" s="15"/>
    </row>
    <row r="483" spans="3:3" ht="27" customHeight="1" x14ac:dyDescent="0.15">
      <c r="C483" s="15"/>
    </row>
    <row r="484" spans="3:3" ht="27" customHeight="1" x14ac:dyDescent="0.15">
      <c r="C484" s="15"/>
    </row>
    <row r="485" spans="3:3" ht="27" customHeight="1" x14ac:dyDescent="0.15">
      <c r="C485" s="15"/>
    </row>
    <row r="486" spans="3:3" ht="27" customHeight="1" x14ac:dyDescent="0.15">
      <c r="C486" s="15"/>
    </row>
    <row r="487" spans="3:3" ht="27" customHeight="1" x14ac:dyDescent="0.15">
      <c r="C487" s="15"/>
    </row>
    <row r="488" spans="3:3" ht="27" customHeight="1" x14ac:dyDescent="0.15">
      <c r="C488" s="15"/>
    </row>
    <row r="489" spans="3:3" ht="27" customHeight="1" x14ac:dyDescent="0.15">
      <c r="C489" s="15"/>
    </row>
    <row r="490" spans="3:3" ht="27" customHeight="1" x14ac:dyDescent="0.15">
      <c r="C490" s="15"/>
    </row>
    <row r="491" spans="3:3" ht="27" customHeight="1" x14ac:dyDescent="0.15">
      <c r="C491" s="15"/>
    </row>
    <row r="492" spans="3:3" ht="27" customHeight="1" x14ac:dyDescent="0.15">
      <c r="C492" s="15"/>
    </row>
    <row r="493" spans="3:3" ht="27" customHeight="1" x14ac:dyDescent="0.15">
      <c r="C493" s="15"/>
    </row>
    <row r="494" spans="3:3" ht="27" customHeight="1" x14ac:dyDescent="0.15">
      <c r="C494" s="15"/>
    </row>
    <row r="495" spans="3:3" ht="27" customHeight="1" x14ac:dyDescent="0.15">
      <c r="C495" s="15"/>
    </row>
    <row r="496" spans="3:3" ht="27" customHeight="1" x14ac:dyDescent="0.15">
      <c r="C496" s="15"/>
    </row>
    <row r="497" spans="3:3" ht="27" customHeight="1" x14ac:dyDescent="0.15">
      <c r="C497" s="15"/>
    </row>
    <row r="498" spans="3:3" ht="27" customHeight="1" x14ac:dyDescent="0.15">
      <c r="C498" s="15"/>
    </row>
    <row r="499" spans="3:3" ht="27" customHeight="1" x14ac:dyDescent="0.15">
      <c r="C499" s="15"/>
    </row>
    <row r="500" spans="3:3" ht="27" customHeight="1" x14ac:dyDescent="0.15">
      <c r="C500" s="15"/>
    </row>
    <row r="501" spans="3:3" ht="27" customHeight="1" x14ac:dyDescent="0.15">
      <c r="C501" s="15"/>
    </row>
    <row r="502" spans="3:3" ht="27" customHeight="1" x14ac:dyDescent="0.15">
      <c r="C502" s="15"/>
    </row>
    <row r="503" spans="3:3" ht="27" customHeight="1" x14ac:dyDescent="0.15">
      <c r="C503" s="15"/>
    </row>
    <row r="504" spans="3:3" ht="27" customHeight="1" x14ac:dyDescent="0.15">
      <c r="C504" s="15"/>
    </row>
    <row r="505" spans="3:3" ht="27" customHeight="1" x14ac:dyDescent="0.15">
      <c r="C505" s="15"/>
    </row>
    <row r="506" spans="3:3" ht="27" customHeight="1" x14ac:dyDescent="0.15">
      <c r="C506" s="15"/>
    </row>
    <row r="507" spans="3:3" ht="27" customHeight="1" x14ac:dyDescent="0.15">
      <c r="C507" s="15"/>
    </row>
    <row r="508" spans="3:3" ht="27" customHeight="1" x14ac:dyDescent="0.15">
      <c r="C508" s="15"/>
    </row>
    <row r="509" spans="3:3" ht="27" customHeight="1" x14ac:dyDescent="0.15">
      <c r="C509" s="15"/>
    </row>
    <row r="510" spans="3:3" ht="27" customHeight="1" x14ac:dyDescent="0.15">
      <c r="C510" s="15"/>
    </row>
    <row r="511" spans="3:3" ht="27" customHeight="1" x14ac:dyDescent="0.15">
      <c r="C511" s="15"/>
    </row>
    <row r="512" spans="3:3" ht="27" customHeight="1" x14ac:dyDescent="0.15">
      <c r="C512" s="15"/>
    </row>
    <row r="513" spans="3:3" ht="27" customHeight="1" x14ac:dyDescent="0.15">
      <c r="C513" s="15"/>
    </row>
    <row r="514" spans="3:3" ht="27" customHeight="1" x14ac:dyDescent="0.15">
      <c r="C514" s="15"/>
    </row>
    <row r="515" spans="3:3" ht="27" customHeight="1" x14ac:dyDescent="0.15">
      <c r="C515" s="15"/>
    </row>
    <row r="516" spans="3:3" ht="27" customHeight="1" x14ac:dyDescent="0.15">
      <c r="C516" s="15"/>
    </row>
    <row r="517" spans="3:3" ht="27" customHeight="1" x14ac:dyDescent="0.15">
      <c r="C517" s="15"/>
    </row>
    <row r="518" spans="3:3" ht="27" customHeight="1" x14ac:dyDescent="0.15">
      <c r="C518" s="15"/>
    </row>
    <row r="519" spans="3:3" ht="27" customHeight="1" x14ac:dyDescent="0.15">
      <c r="C519" s="15"/>
    </row>
    <row r="520" spans="3:3" ht="27" customHeight="1" x14ac:dyDescent="0.15">
      <c r="C520" s="15"/>
    </row>
    <row r="521" spans="3:3" ht="27" customHeight="1" x14ac:dyDescent="0.15">
      <c r="C521" s="15"/>
    </row>
    <row r="522" spans="3:3" ht="27" customHeight="1" x14ac:dyDescent="0.15">
      <c r="C522" s="15"/>
    </row>
    <row r="523" spans="3:3" ht="27" customHeight="1" x14ac:dyDescent="0.15">
      <c r="C523" s="15"/>
    </row>
    <row r="524" spans="3:3" ht="27" customHeight="1" x14ac:dyDescent="0.15">
      <c r="C524" s="15"/>
    </row>
    <row r="525" spans="3:3" ht="27" customHeight="1" x14ac:dyDescent="0.15">
      <c r="C525" s="15"/>
    </row>
    <row r="526" spans="3:3" ht="27" customHeight="1" x14ac:dyDescent="0.15">
      <c r="C526" s="15"/>
    </row>
    <row r="527" spans="3:3" ht="27" customHeight="1" x14ac:dyDescent="0.15">
      <c r="C527" s="15"/>
    </row>
    <row r="528" spans="3:3" ht="27" customHeight="1" x14ac:dyDescent="0.15">
      <c r="C528" s="15"/>
    </row>
    <row r="529" spans="3:3" ht="27" customHeight="1" x14ac:dyDescent="0.15">
      <c r="C529" s="15"/>
    </row>
    <row r="530" spans="3:3" ht="27" customHeight="1" x14ac:dyDescent="0.15">
      <c r="C530" s="15"/>
    </row>
    <row r="531" spans="3:3" ht="27" customHeight="1" x14ac:dyDescent="0.15">
      <c r="C531" s="15"/>
    </row>
    <row r="532" spans="3:3" ht="27" customHeight="1" x14ac:dyDescent="0.15">
      <c r="C532" s="15"/>
    </row>
    <row r="533" spans="3:3" ht="27" customHeight="1" x14ac:dyDescent="0.15">
      <c r="C533" s="15"/>
    </row>
    <row r="534" spans="3:3" ht="27" customHeight="1" x14ac:dyDescent="0.15">
      <c r="C534" s="15"/>
    </row>
    <row r="535" spans="3:3" ht="27" customHeight="1" x14ac:dyDescent="0.15">
      <c r="C535" s="15"/>
    </row>
    <row r="536" spans="3:3" ht="27" customHeight="1" x14ac:dyDescent="0.15">
      <c r="C536" s="15"/>
    </row>
    <row r="537" spans="3:3" ht="27" customHeight="1" x14ac:dyDescent="0.15">
      <c r="C537" s="15"/>
    </row>
    <row r="538" spans="3:3" ht="27" customHeight="1" x14ac:dyDescent="0.15">
      <c r="C538" s="15"/>
    </row>
    <row r="539" spans="3:3" ht="27" customHeight="1" x14ac:dyDescent="0.15">
      <c r="C539" s="15"/>
    </row>
    <row r="540" spans="3:3" ht="27" customHeight="1" x14ac:dyDescent="0.15">
      <c r="C540" s="15"/>
    </row>
    <row r="541" spans="3:3" ht="27" customHeight="1" x14ac:dyDescent="0.15">
      <c r="C541" s="15"/>
    </row>
    <row r="542" spans="3:3" ht="27" customHeight="1" x14ac:dyDescent="0.15">
      <c r="C542" s="15"/>
    </row>
    <row r="543" spans="3:3" ht="27" customHeight="1" x14ac:dyDescent="0.15">
      <c r="C543" s="15"/>
    </row>
    <row r="544" spans="3:3" ht="27" customHeight="1" x14ac:dyDescent="0.15">
      <c r="C544" s="15"/>
    </row>
    <row r="545" spans="3:3" ht="27" customHeight="1" x14ac:dyDescent="0.15">
      <c r="C545" s="15"/>
    </row>
    <row r="546" spans="3:3" ht="27" customHeight="1" x14ac:dyDescent="0.15">
      <c r="C546" s="15"/>
    </row>
    <row r="547" spans="3:3" ht="27" customHeight="1" x14ac:dyDescent="0.15">
      <c r="C547" s="15"/>
    </row>
    <row r="548" spans="3:3" ht="27" customHeight="1" x14ac:dyDescent="0.15">
      <c r="C548" s="15"/>
    </row>
    <row r="549" spans="3:3" ht="27" customHeight="1" x14ac:dyDescent="0.15">
      <c r="C549" s="15"/>
    </row>
    <row r="550" spans="3:3" ht="27" customHeight="1" x14ac:dyDescent="0.15">
      <c r="C550" s="15"/>
    </row>
    <row r="551" spans="3:3" ht="27" customHeight="1" x14ac:dyDescent="0.15">
      <c r="C551" s="15"/>
    </row>
    <row r="552" spans="3:3" ht="27" customHeight="1" x14ac:dyDescent="0.15">
      <c r="C552" s="15"/>
    </row>
    <row r="553" spans="3:3" ht="27" customHeight="1" x14ac:dyDescent="0.15">
      <c r="C553" s="15"/>
    </row>
    <row r="554" spans="3:3" ht="27" customHeight="1" x14ac:dyDescent="0.15">
      <c r="C554" s="15"/>
    </row>
    <row r="555" spans="3:3" ht="27" customHeight="1" x14ac:dyDescent="0.15">
      <c r="C555" s="15"/>
    </row>
    <row r="556" spans="3:3" ht="27" customHeight="1" x14ac:dyDescent="0.15">
      <c r="C556" s="15"/>
    </row>
    <row r="557" spans="3:3" ht="27" customHeight="1" x14ac:dyDescent="0.15">
      <c r="C557" s="15"/>
    </row>
    <row r="558" spans="3:3" ht="27" customHeight="1" x14ac:dyDescent="0.15">
      <c r="C558" s="15"/>
    </row>
    <row r="559" spans="3:3" ht="27" customHeight="1" x14ac:dyDescent="0.15">
      <c r="C559" s="15"/>
    </row>
    <row r="560" spans="3:3" ht="27" customHeight="1" x14ac:dyDescent="0.15">
      <c r="C560" s="15"/>
    </row>
    <row r="561" spans="3:3" ht="27" customHeight="1" x14ac:dyDescent="0.15">
      <c r="C561" s="15"/>
    </row>
    <row r="562" spans="3:3" ht="27" customHeight="1" x14ac:dyDescent="0.15">
      <c r="C562" s="15"/>
    </row>
    <row r="563" spans="3:3" ht="27" customHeight="1" x14ac:dyDescent="0.15">
      <c r="C563" s="15"/>
    </row>
    <row r="564" spans="3:3" ht="27" customHeight="1" x14ac:dyDescent="0.15">
      <c r="C564" s="15"/>
    </row>
    <row r="565" spans="3:3" ht="27" customHeight="1" x14ac:dyDescent="0.15">
      <c r="C565" s="15"/>
    </row>
    <row r="566" spans="3:3" ht="27" customHeight="1" x14ac:dyDescent="0.15">
      <c r="C566" s="15"/>
    </row>
    <row r="567" spans="3:3" ht="27" customHeight="1" x14ac:dyDescent="0.15">
      <c r="C567" s="15"/>
    </row>
    <row r="568" spans="3:3" ht="27" customHeight="1" x14ac:dyDescent="0.15">
      <c r="C568" s="15"/>
    </row>
    <row r="569" spans="3:3" ht="27" customHeight="1" x14ac:dyDescent="0.15">
      <c r="C569" s="15"/>
    </row>
    <row r="570" spans="3:3" ht="27" customHeight="1" x14ac:dyDescent="0.15">
      <c r="C570" s="15"/>
    </row>
    <row r="571" spans="3:3" ht="27" customHeight="1" x14ac:dyDescent="0.15">
      <c r="C571" s="15"/>
    </row>
    <row r="572" spans="3:3" ht="27" customHeight="1" x14ac:dyDescent="0.15">
      <c r="C572" s="15"/>
    </row>
    <row r="573" spans="3:3" ht="27" customHeight="1" x14ac:dyDescent="0.15">
      <c r="C573" s="15"/>
    </row>
    <row r="574" spans="3:3" ht="27" customHeight="1" x14ac:dyDescent="0.15">
      <c r="C574" s="15"/>
    </row>
    <row r="575" spans="3:3" ht="27" customHeight="1" x14ac:dyDescent="0.15">
      <c r="C575" s="15"/>
    </row>
    <row r="576" spans="3:3" ht="27" customHeight="1" x14ac:dyDescent="0.15">
      <c r="C576" s="15"/>
    </row>
    <row r="577" spans="3:3" ht="27" customHeight="1" x14ac:dyDescent="0.15">
      <c r="C577" s="15"/>
    </row>
    <row r="578" spans="3:3" ht="27" customHeight="1" x14ac:dyDescent="0.15">
      <c r="C578" s="15"/>
    </row>
    <row r="579" spans="3:3" ht="27" customHeight="1" x14ac:dyDescent="0.15">
      <c r="C579" s="15"/>
    </row>
    <row r="580" spans="3:3" ht="27" customHeight="1" x14ac:dyDescent="0.15">
      <c r="C580" s="15"/>
    </row>
    <row r="581" spans="3:3" ht="27" customHeight="1" x14ac:dyDescent="0.15">
      <c r="C581" s="15"/>
    </row>
    <row r="582" spans="3:3" ht="27" customHeight="1" x14ac:dyDescent="0.15">
      <c r="C582" s="15"/>
    </row>
    <row r="583" spans="3:3" ht="27" customHeight="1" x14ac:dyDescent="0.15">
      <c r="C583" s="15"/>
    </row>
    <row r="584" spans="3:3" ht="27" customHeight="1" x14ac:dyDescent="0.15">
      <c r="C584" s="15"/>
    </row>
    <row r="585" spans="3:3" ht="27" customHeight="1" x14ac:dyDescent="0.15">
      <c r="C585" s="15"/>
    </row>
    <row r="586" spans="3:3" ht="27" customHeight="1" x14ac:dyDescent="0.15">
      <c r="C586" s="15"/>
    </row>
    <row r="587" spans="3:3" ht="27" customHeight="1" x14ac:dyDescent="0.15">
      <c r="C587" s="15"/>
    </row>
    <row r="588" spans="3:3" ht="27" customHeight="1" x14ac:dyDescent="0.15">
      <c r="C588" s="15"/>
    </row>
    <row r="589" spans="3:3" ht="27" customHeight="1" x14ac:dyDescent="0.15">
      <c r="C589" s="15"/>
    </row>
    <row r="590" spans="3:3" ht="27" customHeight="1" x14ac:dyDescent="0.15">
      <c r="C590" s="15"/>
    </row>
    <row r="591" spans="3:3" ht="27" customHeight="1" x14ac:dyDescent="0.15">
      <c r="C591" s="15"/>
    </row>
    <row r="592" spans="3:3" ht="27" customHeight="1" x14ac:dyDescent="0.15">
      <c r="C592" s="15"/>
    </row>
    <row r="593" spans="3:3" ht="27" customHeight="1" x14ac:dyDescent="0.15">
      <c r="C593" s="15"/>
    </row>
    <row r="594" spans="3:3" ht="27" customHeight="1" x14ac:dyDescent="0.15">
      <c r="C594" s="15"/>
    </row>
    <row r="595" spans="3:3" ht="27" customHeight="1" x14ac:dyDescent="0.15">
      <c r="C595" s="15"/>
    </row>
    <row r="596" spans="3:3" ht="27" customHeight="1" x14ac:dyDescent="0.15">
      <c r="C596" s="15"/>
    </row>
    <row r="597" spans="3:3" ht="27" customHeight="1" x14ac:dyDescent="0.15">
      <c r="C597" s="15"/>
    </row>
    <row r="598" spans="3:3" ht="27" customHeight="1" x14ac:dyDescent="0.15">
      <c r="C598" s="15"/>
    </row>
    <row r="599" spans="3:3" ht="27" customHeight="1" x14ac:dyDescent="0.15">
      <c r="C599" s="15"/>
    </row>
    <row r="600" spans="3:3" ht="27" customHeight="1" x14ac:dyDescent="0.15">
      <c r="C600" s="15"/>
    </row>
    <row r="601" spans="3:3" ht="27" customHeight="1" x14ac:dyDescent="0.15">
      <c r="C601" s="15"/>
    </row>
    <row r="602" spans="3:3" ht="27" customHeight="1" x14ac:dyDescent="0.15">
      <c r="C602" s="15"/>
    </row>
    <row r="603" spans="3:3" ht="27" customHeight="1" x14ac:dyDescent="0.15">
      <c r="C603" s="15"/>
    </row>
    <row r="604" spans="3:3" ht="27" customHeight="1" x14ac:dyDescent="0.15">
      <c r="C604" s="15"/>
    </row>
    <row r="605" spans="3:3" ht="27" customHeight="1" x14ac:dyDescent="0.15">
      <c r="C605" s="15"/>
    </row>
    <row r="606" spans="3:3" ht="27" customHeight="1" x14ac:dyDescent="0.15">
      <c r="C606" s="15"/>
    </row>
    <row r="607" spans="3:3" ht="27" customHeight="1" x14ac:dyDescent="0.15">
      <c r="C607" s="15"/>
    </row>
    <row r="608" spans="3:3" ht="27" customHeight="1" x14ac:dyDescent="0.15">
      <c r="C608" s="15"/>
    </row>
    <row r="609" spans="3:3" ht="27" customHeight="1" x14ac:dyDescent="0.15">
      <c r="C609" s="15"/>
    </row>
    <row r="610" spans="3:3" ht="27" customHeight="1" x14ac:dyDescent="0.15">
      <c r="C610" s="15"/>
    </row>
    <row r="611" spans="3:3" ht="27" customHeight="1" x14ac:dyDescent="0.15">
      <c r="C611" s="15"/>
    </row>
    <row r="612" spans="3:3" ht="27" customHeight="1" x14ac:dyDescent="0.15">
      <c r="C612" s="15"/>
    </row>
    <row r="613" spans="3:3" ht="27" customHeight="1" x14ac:dyDescent="0.15">
      <c r="C613" s="15"/>
    </row>
    <row r="614" spans="3:3" ht="27" customHeight="1" x14ac:dyDescent="0.15">
      <c r="C614" s="15"/>
    </row>
    <row r="615" spans="3:3" ht="27" customHeight="1" x14ac:dyDescent="0.15">
      <c r="C615" s="15"/>
    </row>
    <row r="616" spans="3:3" ht="27" customHeight="1" x14ac:dyDescent="0.15">
      <c r="C616" s="15"/>
    </row>
    <row r="617" spans="3:3" ht="27" customHeight="1" x14ac:dyDescent="0.15">
      <c r="C617" s="15"/>
    </row>
    <row r="618" spans="3:3" ht="27" customHeight="1" x14ac:dyDescent="0.15">
      <c r="C618" s="15"/>
    </row>
    <row r="619" spans="3:3" ht="27" customHeight="1" x14ac:dyDescent="0.15">
      <c r="C619" s="15"/>
    </row>
    <row r="620" spans="3:3" ht="27" customHeight="1" x14ac:dyDescent="0.15">
      <c r="C620" s="15"/>
    </row>
    <row r="621" spans="3:3" ht="27" customHeight="1" x14ac:dyDescent="0.15">
      <c r="C621" s="15"/>
    </row>
    <row r="622" spans="3:3" ht="27" customHeight="1" x14ac:dyDescent="0.15">
      <c r="C622" s="15"/>
    </row>
    <row r="623" spans="3:3" ht="27" customHeight="1" x14ac:dyDescent="0.15">
      <c r="C623" s="15"/>
    </row>
    <row r="624" spans="3:3" ht="27" customHeight="1" x14ac:dyDescent="0.15">
      <c r="C624" s="15"/>
    </row>
    <row r="625" spans="3:3" ht="27" customHeight="1" x14ac:dyDescent="0.15">
      <c r="C625" s="15"/>
    </row>
    <row r="626" spans="3:3" ht="27" customHeight="1" x14ac:dyDescent="0.15">
      <c r="C626" s="15"/>
    </row>
    <row r="627" spans="3:3" ht="27" customHeight="1" x14ac:dyDescent="0.15">
      <c r="C627" s="15"/>
    </row>
    <row r="628" spans="3:3" ht="27" customHeight="1" x14ac:dyDescent="0.15">
      <c r="C628" s="15"/>
    </row>
    <row r="629" spans="3:3" ht="27" customHeight="1" x14ac:dyDescent="0.15">
      <c r="C629" s="15"/>
    </row>
    <row r="630" spans="3:3" ht="27" customHeight="1" x14ac:dyDescent="0.15">
      <c r="C630" s="15"/>
    </row>
    <row r="631" spans="3:3" ht="27" customHeight="1" x14ac:dyDescent="0.15">
      <c r="C631" s="15"/>
    </row>
    <row r="632" spans="3:3" ht="27" customHeight="1" x14ac:dyDescent="0.15">
      <c r="C632" s="15"/>
    </row>
    <row r="633" spans="3:3" ht="27" customHeight="1" x14ac:dyDescent="0.15">
      <c r="C633" s="15"/>
    </row>
    <row r="634" spans="3:3" ht="27" customHeight="1" x14ac:dyDescent="0.15">
      <c r="C634" s="15"/>
    </row>
    <row r="635" spans="3:3" ht="27" customHeight="1" x14ac:dyDescent="0.15">
      <c r="C635" s="15"/>
    </row>
    <row r="636" spans="3:3" ht="27" customHeight="1" x14ac:dyDescent="0.15">
      <c r="C636" s="15"/>
    </row>
    <row r="637" spans="3:3" ht="27" customHeight="1" x14ac:dyDescent="0.15">
      <c r="C637" s="15"/>
    </row>
    <row r="638" spans="3:3" ht="27" customHeight="1" x14ac:dyDescent="0.15">
      <c r="C638" s="15"/>
    </row>
    <row r="639" spans="3:3" ht="27" customHeight="1" x14ac:dyDescent="0.15">
      <c r="C639" s="15"/>
    </row>
    <row r="640" spans="3:3" ht="27" customHeight="1" x14ac:dyDescent="0.15">
      <c r="C640" s="15"/>
    </row>
    <row r="641" spans="3:3" ht="27" customHeight="1" x14ac:dyDescent="0.15">
      <c r="C641" s="15"/>
    </row>
    <row r="642" spans="3:3" ht="27" customHeight="1" x14ac:dyDescent="0.15">
      <c r="C642" s="15"/>
    </row>
    <row r="643" spans="3:3" ht="27" customHeight="1" x14ac:dyDescent="0.15">
      <c r="C643" s="15"/>
    </row>
    <row r="644" spans="3:3" ht="27" customHeight="1" x14ac:dyDescent="0.15">
      <c r="C644" s="15"/>
    </row>
    <row r="645" spans="3:3" ht="27" customHeight="1" x14ac:dyDescent="0.15">
      <c r="C645" s="15"/>
    </row>
    <row r="646" spans="3:3" ht="27" customHeight="1" x14ac:dyDescent="0.15">
      <c r="C646" s="15"/>
    </row>
    <row r="647" spans="3:3" ht="27" customHeight="1" x14ac:dyDescent="0.15">
      <c r="C647" s="15"/>
    </row>
    <row r="648" spans="3:3" ht="27" customHeight="1" x14ac:dyDescent="0.15">
      <c r="C648" s="15"/>
    </row>
    <row r="649" spans="3:3" ht="27" customHeight="1" x14ac:dyDescent="0.15">
      <c r="C649" s="15"/>
    </row>
    <row r="650" spans="3:3" ht="27" customHeight="1" x14ac:dyDescent="0.15">
      <c r="C650" s="15"/>
    </row>
    <row r="651" spans="3:3" ht="27" customHeight="1" x14ac:dyDescent="0.15">
      <c r="C651" s="15"/>
    </row>
    <row r="652" spans="3:3" ht="27" customHeight="1" x14ac:dyDescent="0.15">
      <c r="C652" s="15"/>
    </row>
    <row r="653" spans="3:3" ht="27" customHeight="1" x14ac:dyDescent="0.15">
      <c r="C653" s="15"/>
    </row>
    <row r="654" spans="3:3" ht="27" customHeight="1" x14ac:dyDescent="0.15">
      <c r="C654" s="15"/>
    </row>
    <row r="655" spans="3:3" ht="27" customHeight="1" x14ac:dyDescent="0.15">
      <c r="C655" s="15"/>
    </row>
    <row r="656" spans="3:3" ht="27" customHeight="1" x14ac:dyDescent="0.15">
      <c r="C656" s="15"/>
    </row>
    <row r="657" spans="3:3" ht="27" customHeight="1" x14ac:dyDescent="0.15">
      <c r="C657" s="15"/>
    </row>
    <row r="658" spans="3:3" ht="27" customHeight="1" x14ac:dyDescent="0.15">
      <c r="C658" s="15"/>
    </row>
    <row r="659" spans="3:3" ht="27" customHeight="1" x14ac:dyDescent="0.15">
      <c r="C659" s="15"/>
    </row>
    <row r="660" spans="3:3" ht="27" customHeight="1" x14ac:dyDescent="0.15">
      <c r="C660" s="15"/>
    </row>
    <row r="661" spans="3:3" ht="27" customHeight="1" x14ac:dyDescent="0.15">
      <c r="C661" s="15"/>
    </row>
    <row r="662" spans="3:3" ht="27" customHeight="1" x14ac:dyDescent="0.15">
      <c r="C662" s="15"/>
    </row>
    <row r="663" spans="3:3" ht="27" customHeight="1" x14ac:dyDescent="0.15">
      <c r="C663" s="15"/>
    </row>
    <row r="664" spans="3:3" ht="27" customHeight="1" x14ac:dyDescent="0.15">
      <c r="C664" s="15"/>
    </row>
    <row r="665" spans="3:3" ht="27" customHeight="1" x14ac:dyDescent="0.15">
      <c r="C665" s="15"/>
    </row>
    <row r="666" spans="3:3" ht="27" customHeight="1" x14ac:dyDescent="0.15">
      <c r="C666" s="15"/>
    </row>
    <row r="667" spans="3:3" ht="27" customHeight="1" x14ac:dyDescent="0.15">
      <c r="C667" s="15"/>
    </row>
    <row r="668" spans="3:3" ht="27" customHeight="1" x14ac:dyDescent="0.15">
      <c r="C668" s="15"/>
    </row>
    <row r="669" spans="3:3" ht="27" customHeight="1" x14ac:dyDescent="0.15">
      <c r="C669" s="15"/>
    </row>
    <row r="670" spans="3:3" ht="27" customHeight="1" x14ac:dyDescent="0.15">
      <c r="C670" s="15"/>
    </row>
    <row r="671" spans="3:3" ht="27" customHeight="1" x14ac:dyDescent="0.15">
      <c r="C671" s="15"/>
    </row>
    <row r="672" spans="3:3" ht="27" customHeight="1" x14ac:dyDescent="0.15">
      <c r="C672" s="15"/>
    </row>
    <row r="673" spans="3:3" ht="27" customHeight="1" x14ac:dyDescent="0.15">
      <c r="C673" s="15"/>
    </row>
    <row r="674" spans="3:3" ht="27" customHeight="1" x14ac:dyDescent="0.15">
      <c r="C674" s="15"/>
    </row>
    <row r="675" spans="3:3" ht="27" customHeight="1" x14ac:dyDescent="0.15">
      <c r="C675" s="15"/>
    </row>
    <row r="676" spans="3:3" ht="27" customHeight="1" x14ac:dyDescent="0.15">
      <c r="C676" s="15"/>
    </row>
    <row r="677" spans="3:3" ht="27" customHeight="1" x14ac:dyDescent="0.15">
      <c r="C677" s="15"/>
    </row>
    <row r="678" spans="3:3" ht="27" customHeight="1" x14ac:dyDescent="0.15">
      <c r="C678" s="15"/>
    </row>
    <row r="679" spans="3:3" ht="27" customHeight="1" x14ac:dyDescent="0.15">
      <c r="C679" s="15"/>
    </row>
    <row r="680" spans="3:3" ht="27" customHeight="1" x14ac:dyDescent="0.15">
      <c r="C680" s="15"/>
    </row>
    <row r="681" spans="3:3" ht="27" customHeight="1" x14ac:dyDescent="0.15">
      <c r="C681" s="15"/>
    </row>
    <row r="682" spans="3:3" ht="27" customHeight="1" x14ac:dyDescent="0.15">
      <c r="C682" s="15"/>
    </row>
    <row r="683" spans="3:3" ht="27" customHeight="1" x14ac:dyDescent="0.15">
      <c r="C683" s="15"/>
    </row>
    <row r="684" spans="3:3" ht="27" customHeight="1" x14ac:dyDescent="0.15">
      <c r="C684" s="15"/>
    </row>
    <row r="685" spans="3:3" ht="27" customHeight="1" x14ac:dyDescent="0.15">
      <c r="C685" s="15"/>
    </row>
    <row r="686" spans="3:3" ht="27" customHeight="1" x14ac:dyDescent="0.15">
      <c r="C686" s="15"/>
    </row>
    <row r="687" spans="3:3" ht="27" customHeight="1" x14ac:dyDescent="0.15">
      <c r="C687" s="15"/>
    </row>
    <row r="688" spans="3:3" ht="27" customHeight="1" x14ac:dyDescent="0.15">
      <c r="C688" s="15"/>
    </row>
    <row r="689" spans="3:3" ht="27" customHeight="1" x14ac:dyDescent="0.15">
      <c r="C689" s="15"/>
    </row>
    <row r="690" spans="3:3" ht="27" customHeight="1" x14ac:dyDescent="0.15">
      <c r="C690" s="15"/>
    </row>
    <row r="691" spans="3:3" ht="27" customHeight="1" x14ac:dyDescent="0.15">
      <c r="C691" s="15"/>
    </row>
    <row r="692" spans="3:3" ht="27" customHeight="1" x14ac:dyDescent="0.15">
      <c r="C692" s="15"/>
    </row>
    <row r="693" spans="3:3" ht="27" customHeight="1" x14ac:dyDescent="0.15">
      <c r="C693" s="15"/>
    </row>
    <row r="694" spans="3:3" ht="27" customHeight="1" x14ac:dyDescent="0.15">
      <c r="C694" s="15"/>
    </row>
    <row r="695" spans="3:3" ht="27" customHeight="1" x14ac:dyDescent="0.15">
      <c r="C695" s="15"/>
    </row>
    <row r="696" spans="3:3" ht="27" customHeight="1" x14ac:dyDescent="0.15">
      <c r="C696" s="15"/>
    </row>
    <row r="697" spans="3:3" ht="27" customHeight="1" x14ac:dyDescent="0.15">
      <c r="C697" s="15"/>
    </row>
    <row r="698" spans="3:3" ht="27" customHeight="1" x14ac:dyDescent="0.15">
      <c r="C698" s="15"/>
    </row>
    <row r="699" spans="3:3" ht="27" customHeight="1" x14ac:dyDescent="0.15">
      <c r="C699" s="15"/>
    </row>
    <row r="700" spans="3:3" ht="27" customHeight="1" x14ac:dyDescent="0.15">
      <c r="C700" s="15"/>
    </row>
    <row r="701" spans="3:3" ht="27" customHeight="1" x14ac:dyDescent="0.15">
      <c r="C701" s="15"/>
    </row>
    <row r="702" spans="3:3" ht="27" customHeight="1" x14ac:dyDescent="0.15">
      <c r="C702" s="15"/>
    </row>
    <row r="703" spans="3:3" ht="27" customHeight="1" x14ac:dyDescent="0.15">
      <c r="C703" s="15"/>
    </row>
    <row r="704" spans="3:3" ht="27" customHeight="1" x14ac:dyDescent="0.15">
      <c r="C704" s="15"/>
    </row>
    <row r="705" spans="3:3" ht="27" customHeight="1" x14ac:dyDescent="0.15">
      <c r="C705" s="15"/>
    </row>
    <row r="706" spans="3:3" ht="27" customHeight="1" x14ac:dyDescent="0.15">
      <c r="C706" s="15"/>
    </row>
    <row r="707" spans="3:3" ht="27" customHeight="1" x14ac:dyDescent="0.15">
      <c r="C707" s="15"/>
    </row>
    <row r="708" spans="3:3" ht="27" customHeight="1" x14ac:dyDescent="0.15">
      <c r="C708" s="15"/>
    </row>
    <row r="709" spans="3:3" ht="27" customHeight="1" x14ac:dyDescent="0.15">
      <c r="C709" s="15"/>
    </row>
    <row r="710" spans="3:3" ht="27" customHeight="1" x14ac:dyDescent="0.15">
      <c r="C710" s="15"/>
    </row>
    <row r="711" spans="3:3" ht="27" customHeight="1" x14ac:dyDescent="0.15">
      <c r="C711" s="15"/>
    </row>
    <row r="712" spans="3:3" ht="27" customHeight="1" x14ac:dyDescent="0.15">
      <c r="C712" s="15"/>
    </row>
    <row r="713" spans="3:3" ht="27" customHeight="1" x14ac:dyDescent="0.15">
      <c r="C713" s="15"/>
    </row>
    <row r="714" spans="3:3" ht="27" customHeight="1" x14ac:dyDescent="0.15">
      <c r="C714" s="15"/>
    </row>
    <row r="715" spans="3:3" ht="27" customHeight="1" x14ac:dyDescent="0.15">
      <c r="C715" s="15"/>
    </row>
    <row r="716" spans="3:3" ht="27" customHeight="1" x14ac:dyDescent="0.15">
      <c r="C716" s="15"/>
    </row>
    <row r="717" spans="3:3" ht="27" customHeight="1" x14ac:dyDescent="0.15">
      <c r="C717" s="15"/>
    </row>
    <row r="718" spans="3:3" ht="27" customHeight="1" x14ac:dyDescent="0.15">
      <c r="C718" s="15"/>
    </row>
    <row r="719" spans="3:3" ht="27" customHeight="1" x14ac:dyDescent="0.15">
      <c r="C719" s="15"/>
    </row>
    <row r="720" spans="3:3" ht="27" customHeight="1" x14ac:dyDescent="0.15">
      <c r="C720" s="15"/>
    </row>
    <row r="721" spans="3:3" ht="27" customHeight="1" x14ac:dyDescent="0.15">
      <c r="C721" s="15"/>
    </row>
    <row r="722" spans="3:3" ht="27" customHeight="1" x14ac:dyDescent="0.15">
      <c r="C722" s="15"/>
    </row>
    <row r="723" spans="3:3" ht="27" customHeight="1" x14ac:dyDescent="0.15">
      <c r="C723" s="15"/>
    </row>
    <row r="724" spans="3:3" ht="27" customHeight="1" x14ac:dyDescent="0.15">
      <c r="C724" s="15"/>
    </row>
    <row r="725" spans="3:3" ht="27" customHeight="1" x14ac:dyDescent="0.15">
      <c r="C725" s="15"/>
    </row>
    <row r="726" spans="3:3" ht="27" customHeight="1" x14ac:dyDescent="0.15">
      <c r="C726" s="15"/>
    </row>
    <row r="727" spans="3:3" ht="27" customHeight="1" x14ac:dyDescent="0.15">
      <c r="C727" s="15"/>
    </row>
    <row r="728" spans="3:3" ht="27" customHeight="1" x14ac:dyDescent="0.15">
      <c r="C728" s="15"/>
    </row>
    <row r="729" spans="3:3" ht="27" customHeight="1" x14ac:dyDescent="0.15">
      <c r="C729" s="15"/>
    </row>
    <row r="730" spans="3:3" ht="27" customHeight="1" x14ac:dyDescent="0.15">
      <c r="C730" s="15"/>
    </row>
    <row r="731" spans="3:3" ht="27" customHeight="1" x14ac:dyDescent="0.15">
      <c r="C731" s="15"/>
    </row>
    <row r="732" spans="3:3" ht="27" customHeight="1" x14ac:dyDescent="0.15">
      <c r="C732" s="15"/>
    </row>
    <row r="733" spans="3:3" ht="27" customHeight="1" x14ac:dyDescent="0.15">
      <c r="C733" s="15"/>
    </row>
    <row r="734" spans="3:3" ht="27" customHeight="1" x14ac:dyDescent="0.15">
      <c r="C734" s="15"/>
    </row>
    <row r="735" spans="3:3" ht="27" customHeight="1" x14ac:dyDescent="0.15">
      <c r="C735" s="15"/>
    </row>
    <row r="736" spans="3:3" ht="27" customHeight="1" x14ac:dyDescent="0.15">
      <c r="C736" s="15"/>
    </row>
    <row r="737" spans="3:3" ht="27" customHeight="1" x14ac:dyDescent="0.15">
      <c r="C737" s="15"/>
    </row>
    <row r="738" spans="3:3" ht="27" customHeight="1" x14ac:dyDescent="0.15">
      <c r="C738" s="15"/>
    </row>
    <row r="739" spans="3:3" ht="27" customHeight="1" x14ac:dyDescent="0.15">
      <c r="C739" s="15"/>
    </row>
    <row r="740" spans="3:3" ht="27" customHeight="1" x14ac:dyDescent="0.15">
      <c r="C740" s="15"/>
    </row>
    <row r="741" spans="3:3" ht="27" customHeight="1" x14ac:dyDescent="0.15">
      <c r="C741" s="15"/>
    </row>
    <row r="742" spans="3:3" ht="27" customHeight="1" x14ac:dyDescent="0.15">
      <c r="C742" s="15"/>
    </row>
    <row r="743" spans="3:3" ht="27" customHeight="1" x14ac:dyDescent="0.15">
      <c r="C743" s="15"/>
    </row>
    <row r="744" spans="3:3" ht="27" customHeight="1" x14ac:dyDescent="0.15">
      <c r="C744" s="15"/>
    </row>
    <row r="745" spans="3:3" ht="27" customHeight="1" x14ac:dyDescent="0.15">
      <c r="C745" s="15"/>
    </row>
    <row r="746" spans="3:3" ht="27" customHeight="1" x14ac:dyDescent="0.15">
      <c r="C746" s="15"/>
    </row>
    <row r="747" spans="3:3" ht="27" customHeight="1" x14ac:dyDescent="0.15">
      <c r="C747" s="15"/>
    </row>
    <row r="748" spans="3:3" ht="27" customHeight="1" x14ac:dyDescent="0.15">
      <c r="C748" s="15"/>
    </row>
    <row r="749" spans="3:3" ht="27" customHeight="1" x14ac:dyDescent="0.15">
      <c r="C749" s="15"/>
    </row>
    <row r="750" spans="3:3" ht="27" customHeight="1" x14ac:dyDescent="0.15">
      <c r="C750" s="15"/>
    </row>
    <row r="751" spans="3:3" ht="27" customHeight="1" x14ac:dyDescent="0.15">
      <c r="C751" s="15"/>
    </row>
    <row r="752" spans="3:3" ht="27" customHeight="1" x14ac:dyDescent="0.15">
      <c r="C752" s="15"/>
    </row>
    <row r="753" spans="3:3" ht="27" customHeight="1" x14ac:dyDescent="0.15">
      <c r="C753" s="15"/>
    </row>
    <row r="754" spans="3:3" ht="27" customHeight="1" x14ac:dyDescent="0.15">
      <c r="C754" s="15"/>
    </row>
    <row r="755" spans="3:3" ht="27" customHeight="1" x14ac:dyDescent="0.15">
      <c r="C755" s="15"/>
    </row>
    <row r="756" spans="3:3" ht="27" customHeight="1" x14ac:dyDescent="0.15">
      <c r="C756" s="15"/>
    </row>
    <row r="757" spans="3:3" ht="27" customHeight="1" x14ac:dyDescent="0.15">
      <c r="C757" s="15"/>
    </row>
    <row r="758" spans="3:3" ht="27" customHeight="1" x14ac:dyDescent="0.15">
      <c r="C758" s="15"/>
    </row>
    <row r="759" spans="3:3" ht="27" customHeight="1" x14ac:dyDescent="0.15">
      <c r="C759" s="15"/>
    </row>
    <row r="760" spans="3:3" ht="27" customHeight="1" x14ac:dyDescent="0.15">
      <c r="C760" s="15"/>
    </row>
    <row r="761" spans="3:3" ht="27" customHeight="1" x14ac:dyDescent="0.15">
      <c r="C761" s="15"/>
    </row>
    <row r="762" spans="3:3" ht="27" customHeight="1" x14ac:dyDescent="0.15">
      <c r="C762" s="15"/>
    </row>
    <row r="763" spans="3:3" ht="27" customHeight="1" x14ac:dyDescent="0.15">
      <c r="C763" s="15"/>
    </row>
    <row r="764" spans="3:3" ht="27" customHeight="1" x14ac:dyDescent="0.15">
      <c r="C764" s="15"/>
    </row>
    <row r="765" spans="3:3" ht="27" customHeight="1" x14ac:dyDescent="0.15">
      <c r="C765" s="15"/>
    </row>
    <row r="766" spans="3:3" ht="27" customHeight="1" x14ac:dyDescent="0.15">
      <c r="C766" s="15"/>
    </row>
    <row r="767" spans="3:3" ht="27" customHeight="1" x14ac:dyDescent="0.15">
      <c r="C767" s="15"/>
    </row>
    <row r="768" spans="3:3" ht="27" customHeight="1" x14ac:dyDescent="0.15">
      <c r="C768" s="15"/>
    </row>
    <row r="769" spans="3:3" ht="27" customHeight="1" x14ac:dyDescent="0.15">
      <c r="C769" s="15"/>
    </row>
    <row r="770" spans="3:3" ht="27" customHeight="1" x14ac:dyDescent="0.15">
      <c r="C770" s="15"/>
    </row>
    <row r="771" spans="3:3" ht="27" customHeight="1" x14ac:dyDescent="0.15">
      <c r="C771" s="15"/>
    </row>
    <row r="772" spans="3:3" ht="27" customHeight="1" x14ac:dyDescent="0.15">
      <c r="C772" s="15"/>
    </row>
    <row r="773" spans="3:3" ht="27" customHeight="1" x14ac:dyDescent="0.15">
      <c r="C773" s="15"/>
    </row>
    <row r="774" spans="3:3" ht="27" customHeight="1" x14ac:dyDescent="0.15">
      <c r="C774" s="15"/>
    </row>
    <row r="775" spans="3:3" ht="27" customHeight="1" x14ac:dyDescent="0.15">
      <c r="C775" s="15"/>
    </row>
    <row r="776" spans="3:3" ht="27" customHeight="1" x14ac:dyDescent="0.15">
      <c r="C776" s="15"/>
    </row>
    <row r="777" spans="3:3" ht="27" customHeight="1" x14ac:dyDescent="0.15">
      <c r="C777" s="15"/>
    </row>
    <row r="778" spans="3:3" ht="27" customHeight="1" x14ac:dyDescent="0.15">
      <c r="C778" s="15"/>
    </row>
    <row r="779" spans="3:3" ht="27" customHeight="1" x14ac:dyDescent="0.15">
      <c r="C779" s="15"/>
    </row>
    <row r="780" spans="3:3" ht="27" customHeight="1" x14ac:dyDescent="0.15">
      <c r="C780" s="15"/>
    </row>
    <row r="781" spans="3:3" ht="27" customHeight="1" x14ac:dyDescent="0.15">
      <c r="C781" s="15"/>
    </row>
    <row r="782" spans="3:3" ht="27" customHeight="1" x14ac:dyDescent="0.15">
      <c r="C782" s="15"/>
    </row>
    <row r="783" spans="3:3" ht="27" customHeight="1" x14ac:dyDescent="0.15">
      <c r="C783" s="15"/>
    </row>
    <row r="784" spans="3:3" ht="27" customHeight="1" x14ac:dyDescent="0.15">
      <c r="C784" s="15"/>
    </row>
    <row r="785" spans="3:3" ht="27" customHeight="1" x14ac:dyDescent="0.15">
      <c r="C785" s="15"/>
    </row>
    <row r="786" spans="3:3" ht="27" customHeight="1" x14ac:dyDescent="0.15">
      <c r="C786" s="15"/>
    </row>
    <row r="787" spans="3:3" ht="27" customHeight="1" x14ac:dyDescent="0.15">
      <c r="C787" s="15"/>
    </row>
    <row r="788" spans="3:3" ht="27" customHeight="1" x14ac:dyDescent="0.15">
      <c r="C788" s="15"/>
    </row>
    <row r="789" spans="3:3" ht="27" customHeight="1" x14ac:dyDescent="0.15">
      <c r="C789" s="15"/>
    </row>
    <row r="790" spans="3:3" ht="27" customHeight="1" x14ac:dyDescent="0.15">
      <c r="C790" s="15"/>
    </row>
    <row r="791" spans="3:3" ht="27" customHeight="1" x14ac:dyDescent="0.15">
      <c r="C791" s="15"/>
    </row>
    <row r="792" spans="3:3" ht="27" customHeight="1" x14ac:dyDescent="0.15">
      <c r="C792" s="15"/>
    </row>
    <row r="793" spans="3:3" ht="27" customHeight="1" x14ac:dyDescent="0.15">
      <c r="C793" s="15"/>
    </row>
    <row r="794" spans="3:3" ht="27" customHeight="1" x14ac:dyDescent="0.15">
      <c r="C794" s="15"/>
    </row>
    <row r="795" spans="3:3" ht="27" customHeight="1" x14ac:dyDescent="0.15">
      <c r="C795" s="15"/>
    </row>
    <row r="796" spans="3:3" ht="27" customHeight="1" x14ac:dyDescent="0.15">
      <c r="C796" s="15"/>
    </row>
    <row r="797" spans="3:3" ht="27" customHeight="1" x14ac:dyDescent="0.15">
      <c r="C797" s="15"/>
    </row>
    <row r="798" spans="3:3" ht="27" customHeight="1" x14ac:dyDescent="0.15">
      <c r="C798" s="15"/>
    </row>
    <row r="799" spans="3:3" ht="27" customHeight="1" x14ac:dyDescent="0.15">
      <c r="C799" s="15"/>
    </row>
    <row r="800" spans="3:3" ht="27" customHeight="1" x14ac:dyDescent="0.15">
      <c r="C800" s="15"/>
    </row>
    <row r="801" spans="3:3" ht="27" customHeight="1" x14ac:dyDescent="0.15">
      <c r="C801" s="15"/>
    </row>
    <row r="802" spans="3:3" ht="27" customHeight="1" x14ac:dyDescent="0.15">
      <c r="C802" s="15"/>
    </row>
    <row r="803" spans="3:3" ht="27" customHeight="1" x14ac:dyDescent="0.15">
      <c r="C803" s="15"/>
    </row>
    <row r="804" spans="3:3" ht="27" customHeight="1" x14ac:dyDescent="0.15">
      <c r="C804" s="15"/>
    </row>
    <row r="805" spans="3:3" ht="27" customHeight="1" x14ac:dyDescent="0.15">
      <c r="C805" s="15"/>
    </row>
    <row r="806" spans="3:3" ht="27" customHeight="1" x14ac:dyDescent="0.15">
      <c r="C806" s="15"/>
    </row>
    <row r="807" spans="3:3" ht="27" customHeight="1" x14ac:dyDescent="0.15">
      <c r="C807" s="15"/>
    </row>
    <row r="808" spans="3:3" ht="27" customHeight="1" x14ac:dyDescent="0.15">
      <c r="C808" s="15"/>
    </row>
    <row r="809" spans="3:3" ht="27" customHeight="1" x14ac:dyDescent="0.15">
      <c r="C809" s="15"/>
    </row>
    <row r="810" spans="3:3" ht="27" customHeight="1" x14ac:dyDescent="0.15">
      <c r="C810" s="15"/>
    </row>
    <row r="811" spans="3:3" ht="27" customHeight="1" x14ac:dyDescent="0.15">
      <c r="C811" s="15"/>
    </row>
    <row r="812" spans="3:3" ht="27" customHeight="1" x14ac:dyDescent="0.15">
      <c r="C812" s="15"/>
    </row>
    <row r="813" spans="3:3" ht="27" customHeight="1" x14ac:dyDescent="0.15">
      <c r="C813" s="15"/>
    </row>
    <row r="814" spans="3:3" ht="27" customHeight="1" x14ac:dyDescent="0.15">
      <c r="C814" s="15"/>
    </row>
    <row r="815" spans="3:3" ht="27" customHeight="1" x14ac:dyDescent="0.15">
      <c r="C815" s="15"/>
    </row>
    <row r="816" spans="3:3" ht="27" customHeight="1" x14ac:dyDescent="0.15">
      <c r="C816" s="15"/>
    </row>
    <row r="817" spans="3:3" ht="27" customHeight="1" x14ac:dyDescent="0.15">
      <c r="C817" s="15"/>
    </row>
    <row r="818" spans="3:3" ht="27" customHeight="1" x14ac:dyDescent="0.15">
      <c r="C818" s="15"/>
    </row>
    <row r="819" spans="3:3" ht="27" customHeight="1" x14ac:dyDescent="0.15">
      <c r="C819" s="15"/>
    </row>
    <row r="820" spans="3:3" ht="27" customHeight="1" x14ac:dyDescent="0.15">
      <c r="C820" s="15"/>
    </row>
    <row r="821" spans="3:3" ht="27" customHeight="1" x14ac:dyDescent="0.15">
      <c r="C821" s="15"/>
    </row>
    <row r="822" spans="3:3" ht="27" customHeight="1" x14ac:dyDescent="0.15">
      <c r="C822" s="15"/>
    </row>
    <row r="823" spans="3:3" ht="27" customHeight="1" x14ac:dyDescent="0.15">
      <c r="C823" s="15"/>
    </row>
    <row r="824" spans="3:3" ht="27" customHeight="1" x14ac:dyDescent="0.15">
      <c r="C824" s="15"/>
    </row>
    <row r="825" spans="3:3" ht="27" customHeight="1" x14ac:dyDescent="0.15">
      <c r="C825" s="15"/>
    </row>
    <row r="826" spans="3:3" ht="27" customHeight="1" x14ac:dyDescent="0.15">
      <c r="C826" s="15"/>
    </row>
    <row r="827" spans="3:3" ht="27" customHeight="1" x14ac:dyDescent="0.15">
      <c r="C827" s="15"/>
    </row>
    <row r="828" spans="3:3" ht="27" customHeight="1" x14ac:dyDescent="0.15">
      <c r="C828" s="15"/>
    </row>
    <row r="829" spans="3:3" ht="27" customHeight="1" x14ac:dyDescent="0.15">
      <c r="C829" s="15"/>
    </row>
    <row r="830" spans="3:3" ht="27" customHeight="1" x14ac:dyDescent="0.15">
      <c r="C830" s="15"/>
    </row>
    <row r="831" spans="3:3" ht="27" customHeight="1" x14ac:dyDescent="0.15">
      <c r="C831" s="15"/>
    </row>
    <row r="832" spans="3:3" ht="27" customHeight="1" x14ac:dyDescent="0.15">
      <c r="C832" s="15"/>
    </row>
    <row r="833" spans="3:3" ht="27" customHeight="1" x14ac:dyDescent="0.15">
      <c r="C833" s="15"/>
    </row>
    <row r="834" spans="3:3" ht="27" customHeight="1" x14ac:dyDescent="0.15">
      <c r="C834" s="15"/>
    </row>
    <row r="835" spans="3:3" ht="27" customHeight="1" x14ac:dyDescent="0.15">
      <c r="C835" s="15"/>
    </row>
    <row r="836" spans="3:3" ht="27" customHeight="1" x14ac:dyDescent="0.15">
      <c r="C836" s="15"/>
    </row>
    <row r="837" spans="3:3" ht="27" customHeight="1" x14ac:dyDescent="0.15">
      <c r="C837" s="15"/>
    </row>
    <row r="838" spans="3:3" ht="27" customHeight="1" x14ac:dyDescent="0.15">
      <c r="C838" s="15"/>
    </row>
    <row r="839" spans="3:3" ht="27" customHeight="1" x14ac:dyDescent="0.15">
      <c r="C839" s="15"/>
    </row>
    <row r="840" spans="3:3" ht="27" customHeight="1" x14ac:dyDescent="0.15">
      <c r="C840" s="15"/>
    </row>
    <row r="841" spans="3:3" ht="27" customHeight="1" x14ac:dyDescent="0.15">
      <c r="C841" s="15"/>
    </row>
    <row r="842" spans="3:3" ht="27" customHeight="1" x14ac:dyDescent="0.15">
      <c r="C842" s="15"/>
    </row>
    <row r="843" spans="3:3" ht="27" customHeight="1" x14ac:dyDescent="0.15">
      <c r="C843" s="15"/>
    </row>
    <row r="844" spans="3:3" ht="27" customHeight="1" x14ac:dyDescent="0.15">
      <c r="C844" s="15"/>
    </row>
    <row r="845" spans="3:3" ht="27" customHeight="1" x14ac:dyDescent="0.15">
      <c r="C845" s="15"/>
    </row>
    <row r="846" spans="3:3" ht="27" customHeight="1" x14ac:dyDescent="0.15">
      <c r="C846" s="15"/>
    </row>
    <row r="847" spans="3:3" ht="27" customHeight="1" x14ac:dyDescent="0.15">
      <c r="C847" s="15"/>
    </row>
    <row r="848" spans="3:3" ht="27" customHeight="1" x14ac:dyDescent="0.15">
      <c r="C848" s="15"/>
    </row>
    <row r="849" spans="3:3" ht="27" customHeight="1" x14ac:dyDescent="0.15">
      <c r="C849" s="15"/>
    </row>
    <row r="850" spans="3:3" ht="27" customHeight="1" x14ac:dyDescent="0.15">
      <c r="C850" s="15"/>
    </row>
    <row r="851" spans="3:3" ht="27" customHeight="1" x14ac:dyDescent="0.15">
      <c r="C851" s="15"/>
    </row>
    <row r="852" spans="3:3" ht="27" customHeight="1" x14ac:dyDescent="0.15">
      <c r="C852" s="15"/>
    </row>
    <row r="853" spans="3:3" ht="27" customHeight="1" x14ac:dyDescent="0.15">
      <c r="C853" s="15"/>
    </row>
    <row r="854" spans="3:3" ht="27" customHeight="1" x14ac:dyDescent="0.15">
      <c r="C854" s="15"/>
    </row>
    <row r="855" spans="3:3" ht="27" customHeight="1" x14ac:dyDescent="0.15">
      <c r="C855" s="15"/>
    </row>
    <row r="856" spans="3:3" ht="27" customHeight="1" x14ac:dyDescent="0.15">
      <c r="C856" s="15"/>
    </row>
    <row r="857" spans="3:3" ht="27" customHeight="1" x14ac:dyDescent="0.15">
      <c r="C857" s="15"/>
    </row>
    <row r="858" spans="3:3" ht="27" customHeight="1" x14ac:dyDescent="0.15">
      <c r="C858" s="15"/>
    </row>
    <row r="859" spans="3:3" ht="27" customHeight="1" x14ac:dyDescent="0.15">
      <c r="C859" s="15"/>
    </row>
    <row r="860" spans="3:3" ht="27" customHeight="1" x14ac:dyDescent="0.15">
      <c r="C860" s="15"/>
    </row>
    <row r="861" spans="3:3" ht="27" customHeight="1" x14ac:dyDescent="0.15">
      <c r="C861" s="15"/>
    </row>
    <row r="862" spans="3:3" ht="27" customHeight="1" x14ac:dyDescent="0.15">
      <c r="C862" s="15"/>
    </row>
    <row r="863" spans="3:3" ht="27" customHeight="1" x14ac:dyDescent="0.15">
      <c r="C863" s="15"/>
    </row>
    <row r="864" spans="3:3" ht="27" customHeight="1" x14ac:dyDescent="0.15">
      <c r="C864" s="15"/>
    </row>
    <row r="865" spans="3:3" ht="27" customHeight="1" x14ac:dyDescent="0.15">
      <c r="C865" s="15"/>
    </row>
    <row r="866" spans="3:3" ht="27" customHeight="1" x14ac:dyDescent="0.15">
      <c r="C866" s="15"/>
    </row>
    <row r="867" spans="3:3" ht="27" customHeight="1" x14ac:dyDescent="0.15">
      <c r="C867" s="15"/>
    </row>
    <row r="868" spans="3:3" ht="27" customHeight="1" x14ac:dyDescent="0.15">
      <c r="C868" s="15"/>
    </row>
    <row r="869" spans="3:3" ht="27" customHeight="1" x14ac:dyDescent="0.15">
      <c r="C869" s="15"/>
    </row>
    <row r="870" spans="3:3" ht="27" customHeight="1" x14ac:dyDescent="0.15">
      <c r="C870" s="15"/>
    </row>
    <row r="871" spans="3:3" ht="27" customHeight="1" x14ac:dyDescent="0.15">
      <c r="C871" s="15"/>
    </row>
    <row r="872" spans="3:3" ht="27" customHeight="1" x14ac:dyDescent="0.15">
      <c r="C872" s="15"/>
    </row>
    <row r="873" spans="3:3" ht="27" customHeight="1" x14ac:dyDescent="0.15">
      <c r="C873" s="15"/>
    </row>
    <row r="874" spans="3:3" ht="27" customHeight="1" x14ac:dyDescent="0.15">
      <c r="C874" s="15"/>
    </row>
    <row r="875" spans="3:3" ht="27" customHeight="1" x14ac:dyDescent="0.15">
      <c r="C875" s="15"/>
    </row>
    <row r="876" spans="3:3" ht="27" customHeight="1" x14ac:dyDescent="0.15">
      <c r="C876" s="15"/>
    </row>
    <row r="877" spans="3:3" ht="27" customHeight="1" x14ac:dyDescent="0.15">
      <c r="C877" s="15"/>
    </row>
    <row r="878" spans="3:3" ht="27" customHeight="1" x14ac:dyDescent="0.15">
      <c r="C878" s="15"/>
    </row>
    <row r="879" spans="3:3" ht="27" customHeight="1" x14ac:dyDescent="0.15">
      <c r="C879" s="15"/>
    </row>
    <row r="880" spans="3:3" ht="27" customHeight="1" x14ac:dyDescent="0.15">
      <c r="C880" s="15"/>
    </row>
    <row r="881" spans="3:3" ht="27" customHeight="1" x14ac:dyDescent="0.15">
      <c r="C881" s="15"/>
    </row>
    <row r="882" spans="3:3" ht="27" customHeight="1" x14ac:dyDescent="0.15">
      <c r="C882" s="15"/>
    </row>
    <row r="883" spans="3:3" ht="27" customHeight="1" x14ac:dyDescent="0.15">
      <c r="C883" s="15"/>
    </row>
    <row r="884" spans="3:3" ht="27" customHeight="1" x14ac:dyDescent="0.15">
      <c r="C884" s="15"/>
    </row>
    <row r="885" spans="3:3" ht="27" customHeight="1" x14ac:dyDescent="0.15">
      <c r="C885" s="15"/>
    </row>
    <row r="886" spans="3:3" ht="27" customHeight="1" x14ac:dyDescent="0.15">
      <c r="C886" s="15"/>
    </row>
    <row r="887" spans="3:3" ht="27" customHeight="1" x14ac:dyDescent="0.15">
      <c r="C887" s="15"/>
    </row>
    <row r="888" spans="3:3" ht="27" customHeight="1" x14ac:dyDescent="0.15">
      <c r="C888" s="15"/>
    </row>
    <row r="889" spans="3:3" ht="27" customHeight="1" x14ac:dyDescent="0.15">
      <c r="C889" s="15"/>
    </row>
    <row r="890" spans="3:3" ht="27" customHeight="1" x14ac:dyDescent="0.15">
      <c r="C890" s="15"/>
    </row>
    <row r="891" spans="3:3" ht="27" customHeight="1" x14ac:dyDescent="0.15">
      <c r="C891" s="15"/>
    </row>
    <row r="892" spans="3:3" ht="27" customHeight="1" x14ac:dyDescent="0.15">
      <c r="C892" s="15"/>
    </row>
    <row r="893" spans="3:3" ht="27" customHeight="1" x14ac:dyDescent="0.15">
      <c r="C893" s="15"/>
    </row>
    <row r="894" spans="3:3" ht="27" customHeight="1" x14ac:dyDescent="0.15">
      <c r="C894" s="15"/>
    </row>
    <row r="895" spans="3:3" ht="27" customHeight="1" x14ac:dyDescent="0.15">
      <c r="C895" s="15"/>
    </row>
    <row r="896" spans="3:3" ht="27" customHeight="1" x14ac:dyDescent="0.15">
      <c r="C896" s="15"/>
    </row>
    <row r="897" spans="3:3" ht="27" customHeight="1" x14ac:dyDescent="0.15">
      <c r="C897" s="15"/>
    </row>
    <row r="898" spans="3:3" ht="27" customHeight="1" x14ac:dyDescent="0.15">
      <c r="C898" s="15"/>
    </row>
    <row r="899" spans="3:3" ht="27" customHeight="1" x14ac:dyDescent="0.15">
      <c r="C899" s="15"/>
    </row>
    <row r="900" spans="3:3" ht="27" customHeight="1" x14ac:dyDescent="0.15">
      <c r="C900" s="15"/>
    </row>
    <row r="901" spans="3:3" ht="27" customHeight="1" x14ac:dyDescent="0.15">
      <c r="C901" s="15"/>
    </row>
    <row r="902" spans="3:3" ht="27" customHeight="1" x14ac:dyDescent="0.15">
      <c r="C902" s="15"/>
    </row>
    <row r="903" spans="3:3" ht="27" customHeight="1" x14ac:dyDescent="0.15">
      <c r="C903" s="15"/>
    </row>
    <row r="904" spans="3:3" ht="27" customHeight="1" x14ac:dyDescent="0.15">
      <c r="C904" s="15"/>
    </row>
    <row r="905" spans="3:3" ht="27" customHeight="1" x14ac:dyDescent="0.15">
      <c r="C905" s="15"/>
    </row>
    <row r="906" spans="3:3" ht="27" customHeight="1" x14ac:dyDescent="0.15">
      <c r="C906" s="15"/>
    </row>
    <row r="907" spans="3:3" ht="27" customHeight="1" x14ac:dyDescent="0.15">
      <c r="C907" s="15"/>
    </row>
    <row r="908" spans="3:3" ht="27" customHeight="1" x14ac:dyDescent="0.15">
      <c r="C908" s="15"/>
    </row>
    <row r="909" spans="3:3" ht="27" customHeight="1" x14ac:dyDescent="0.15">
      <c r="C909" s="15"/>
    </row>
    <row r="910" spans="3:3" ht="27" customHeight="1" x14ac:dyDescent="0.15">
      <c r="C910" s="15"/>
    </row>
    <row r="911" spans="3:3" ht="27" customHeight="1" x14ac:dyDescent="0.15">
      <c r="C911" s="15"/>
    </row>
    <row r="912" spans="3:3" ht="27" customHeight="1" x14ac:dyDescent="0.15">
      <c r="C912" s="15"/>
    </row>
    <row r="913" spans="3:3" ht="27" customHeight="1" x14ac:dyDescent="0.15">
      <c r="C913" s="15"/>
    </row>
    <row r="914" spans="3:3" ht="27" customHeight="1" x14ac:dyDescent="0.15">
      <c r="C914" s="15"/>
    </row>
    <row r="915" spans="3:3" ht="27" customHeight="1" x14ac:dyDescent="0.15">
      <c r="C915" s="15"/>
    </row>
    <row r="916" spans="3:3" ht="27" customHeight="1" x14ac:dyDescent="0.15">
      <c r="C916" s="15"/>
    </row>
    <row r="917" spans="3:3" ht="27" customHeight="1" x14ac:dyDescent="0.15">
      <c r="C917" s="15"/>
    </row>
    <row r="918" spans="3:3" ht="27" customHeight="1" x14ac:dyDescent="0.15">
      <c r="C918" s="15"/>
    </row>
    <row r="919" spans="3:3" ht="27" customHeight="1" x14ac:dyDescent="0.15">
      <c r="C919" s="15"/>
    </row>
    <row r="920" spans="3:3" ht="27" customHeight="1" x14ac:dyDescent="0.15">
      <c r="C920" s="15"/>
    </row>
    <row r="921" spans="3:3" ht="27" customHeight="1" x14ac:dyDescent="0.15">
      <c r="C921" s="15"/>
    </row>
    <row r="922" spans="3:3" ht="27" customHeight="1" x14ac:dyDescent="0.15">
      <c r="C922" s="15"/>
    </row>
    <row r="923" spans="3:3" ht="27" customHeight="1" x14ac:dyDescent="0.15">
      <c r="C923" s="15"/>
    </row>
    <row r="924" spans="3:3" ht="27" customHeight="1" x14ac:dyDescent="0.15">
      <c r="C924" s="15"/>
    </row>
    <row r="925" spans="3:3" ht="27" customHeight="1" x14ac:dyDescent="0.15">
      <c r="C925" s="15"/>
    </row>
    <row r="926" spans="3:3" ht="27" customHeight="1" x14ac:dyDescent="0.15">
      <c r="C926" s="15"/>
    </row>
    <row r="927" spans="3:3" ht="27" customHeight="1" x14ac:dyDescent="0.15">
      <c r="C927" s="15"/>
    </row>
    <row r="928" spans="3:3" ht="27" customHeight="1" x14ac:dyDescent="0.15">
      <c r="C928" s="15"/>
    </row>
    <row r="929" spans="3:3" ht="27" customHeight="1" x14ac:dyDescent="0.15">
      <c r="C929" s="15"/>
    </row>
    <row r="930" spans="3:3" ht="27" customHeight="1" x14ac:dyDescent="0.15">
      <c r="C930" s="15"/>
    </row>
    <row r="931" spans="3:3" ht="27" customHeight="1" x14ac:dyDescent="0.15">
      <c r="C931" s="15"/>
    </row>
    <row r="932" spans="3:3" ht="27" customHeight="1" x14ac:dyDescent="0.15">
      <c r="C932" s="15"/>
    </row>
    <row r="933" spans="3:3" ht="27" customHeight="1" x14ac:dyDescent="0.15">
      <c r="C933" s="15"/>
    </row>
    <row r="934" spans="3:3" ht="27" customHeight="1" x14ac:dyDescent="0.15">
      <c r="C934" s="15"/>
    </row>
    <row r="935" spans="3:3" ht="27" customHeight="1" x14ac:dyDescent="0.15">
      <c r="C935" s="15"/>
    </row>
    <row r="936" spans="3:3" ht="27" customHeight="1" x14ac:dyDescent="0.15">
      <c r="C936" s="15"/>
    </row>
    <row r="937" spans="3:3" ht="27" customHeight="1" x14ac:dyDescent="0.15">
      <c r="C937" s="15"/>
    </row>
    <row r="938" spans="3:3" ht="27" customHeight="1" x14ac:dyDescent="0.15">
      <c r="C938" s="15"/>
    </row>
    <row r="939" spans="3:3" ht="27" customHeight="1" x14ac:dyDescent="0.15">
      <c r="C939" s="15"/>
    </row>
    <row r="940" spans="3:3" ht="27" customHeight="1" x14ac:dyDescent="0.15">
      <c r="C940" s="15"/>
    </row>
    <row r="941" spans="3:3" ht="27" customHeight="1" x14ac:dyDescent="0.15">
      <c r="C941" s="15"/>
    </row>
    <row r="942" spans="3:3" ht="27" customHeight="1" x14ac:dyDescent="0.15">
      <c r="C942" s="15"/>
    </row>
    <row r="943" spans="3:3" ht="27" customHeight="1" x14ac:dyDescent="0.15">
      <c r="C943" s="15"/>
    </row>
    <row r="944" spans="3:3" ht="27" customHeight="1" x14ac:dyDescent="0.15">
      <c r="C944" s="15"/>
    </row>
    <row r="945" spans="3:3" ht="27" customHeight="1" x14ac:dyDescent="0.15">
      <c r="C945" s="15"/>
    </row>
    <row r="946" spans="3:3" ht="27" customHeight="1" x14ac:dyDescent="0.15">
      <c r="C946" s="15"/>
    </row>
    <row r="947" spans="3:3" ht="27" customHeight="1" x14ac:dyDescent="0.15">
      <c r="C947" s="15"/>
    </row>
    <row r="948" spans="3:3" ht="27" customHeight="1" x14ac:dyDescent="0.15">
      <c r="C948" s="15"/>
    </row>
    <row r="949" spans="3:3" ht="27" customHeight="1" x14ac:dyDescent="0.15">
      <c r="C949" s="15"/>
    </row>
    <row r="950" spans="3:3" ht="27" customHeight="1" x14ac:dyDescent="0.15">
      <c r="C950" s="15"/>
    </row>
    <row r="951" spans="3:3" ht="27" customHeight="1" x14ac:dyDescent="0.15">
      <c r="C951" s="15"/>
    </row>
    <row r="952" spans="3:3" ht="27" customHeight="1" x14ac:dyDescent="0.15">
      <c r="C952" s="15"/>
    </row>
    <row r="953" spans="3:3" ht="27" customHeight="1" x14ac:dyDescent="0.15">
      <c r="C953" s="15"/>
    </row>
    <row r="954" spans="3:3" ht="27" customHeight="1" x14ac:dyDescent="0.15">
      <c r="C954" s="15"/>
    </row>
    <row r="955" spans="3:3" ht="27" customHeight="1" x14ac:dyDescent="0.15">
      <c r="C955" s="15"/>
    </row>
    <row r="956" spans="3:3" ht="27" customHeight="1" x14ac:dyDescent="0.15">
      <c r="C956" s="15"/>
    </row>
    <row r="957" spans="3:3" ht="27" customHeight="1" x14ac:dyDescent="0.15">
      <c r="C957" s="15"/>
    </row>
    <row r="958" spans="3:3" ht="27" customHeight="1" x14ac:dyDescent="0.15">
      <c r="C958" s="15"/>
    </row>
    <row r="959" spans="3:3" ht="27" customHeight="1" x14ac:dyDescent="0.15">
      <c r="C959" s="15"/>
    </row>
    <row r="960" spans="3:3" ht="27" customHeight="1" x14ac:dyDescent="0.15">
      <c r="C960" s="15"/>
    </row>
    <row r="961" spans="3:3" ht="27" customHeight="1" x14ac:dyDescent="0.15">
      <c r="C961" s="15"/>
    </row>
    <row r="962" spans="3:3" ht="27" customHeight="1" x14ac:dyDescent="0.15">
      <c r="C962" s="15"/>
    </row>
    <row r="963" spans="3:3" ht="27" customHeight="1" x14ac:dyDescent="0.15">
      <c r="C963" s="15"/>
    </row>
    <row r="964" spans="3:3" ht="27" customHeight="1" x14ac:dyDescent="0.15">
      <c r="C964" s="15"/>
    </row>
    <row r="965" spans="3:3" ht="27" customHeight="1" x14ac:dyDescent="0.15">
      <c r="C965" s="15"/>
    </row>
    <row r="966" spans="3:3" ht="27" customHeight="1" x14ac:dyDescent="0.15">
      <c r="C966" s="15"/>
    </row>
    <row r="967" spans="3:3" ht="27" customHeight="1" x14ac:dyDescent="0.15">
      <c r="C967" s="15"/>
    </row>
    <row r="968" spans="3:3" ht="27" customHeight="1" x14ac:dyDescent="0.15">
      <c r="C968" s="15"/>
    </row>
    <row r="969" spans="3:3" ht="27" customHeight="1" x14ac:dyDescent="0.15">
      <c r="C969" s="15"/>
    </row>
    <row r="970" spans="3:3" ht="27" customHeight="1" x14ac:dyDescent="0.15">
      <c r="C970" s="15"/>
    </row>
    <row r="971" spans="3:3" ht="27" customHeight="1" x14ac:dyDescent="0.15">
      <c r="C971" s="15"/>
    </row>
    <row r="972" spans="3:3" ht="27" customHeight="1" x14ac:dyDescent="0.15">
      <c r="C972" s="15"/>
    </row>
    <row r="973" spans="3:3" ht="27" customHeight="1" x14ac:dyDescent="0.15">
      <c r="C973" s="15"/>
    </row>
    <row r="974" spans="3:3" ht="27" customHeight="1" x14ac:dyDescent="0.15">
      <c r="C974" s="15"/>
    </row>
    <row r="975" spans="3:3" ht="27" customHeight="1" x14ac:dyDescent="0.15">
      <c r="C975" s="15"/>
    </row>
    <row r="976" spans="3:3" ht="27" customHeight="1" x14ac:dyDescent="0.15">
      <c r="C976" s="15"/>
    </row>
    <row r="977" spans="3:3" ht="27" customHeight="1" x14ac:dyDescent="0.15">
      <c r="C977" s="15"/>
    </row>
    <row r="978" spans="3:3" ht="27" customHeight="1" x14ac:dyDescent="0.15">
      <c r="C978" s="15"/>
    </row>
    <row r="979" spans="3:3" ht="27" customHeight="1" x14ac:dyDescent="0.15">
      <c r="C979" s="15"/>
    </row>
    <row r="980" spans="3:3" ht="27" customHeight="1" x14ac:dyDescent="0.15">
      <c r="C980" s="15"/>
    </row>
    <row r="981" spans="3:3" ht="27" customHeight="1" x14ac:dyDescent="0.15">
      <c r="C981" s="15"/>
    </row>
    <row r="982" spans="3:3" ht="27" customHeight="1" x14ac:dyDescent="0.15">
      <c r="C982" s="15"/>
    </row>
    <row r="983" spans="3:3" ht="27" customHeight="1" x14ac:dyDescent="0.15">
      <c r="C983" s="15"/>
    </row>
    <row r="984" spans="3:3" ht="27" customHeight="1" x14ac:dyDescent="0.15">
      <c r="C984" s="15"/>
    </row>
    <row r="985" spans="3:3" ht="27" customHeight="1" x14ac:dyDescent="0.15">
      <c r="C985" s="15"/>
    </row>
    <row r="986" spans="3:3" ht="27" customHeight="1" x14ac:dyDescent="0.15">
      <c r="C986" s="15"/>
    </row>
    <row r="987" spans="3:3" ht="27" customHeight="1" x14ac:dyDescent="0.15">
      <c r="C987" s="15"/>
    </row>
    <row r="988" spans="3:3" ht="27" customHeight="1" x14ac:dyDescent="0.15">
      <c r="C988" s="15"/>
    </row>
    <row r="989" spans="3:3" ht="27" customHeight="1" x14ac:dyDescent="0.15">
      <c r="C989" s="15"/>
    </row>
    <row r="990" spans="3:3" ht="27" customHeight="1" x14ac:dyDescent="0.15">
      <c r="C990" s="15"/>
    </row>
    <row r="991" spans="3:3" ht="27" customHeight="1" x14ac:dyDescent="0.15">
      <c r="C991" s="15"/>
    </row>
    <row r="992" spans="3:3" ht="27" customHeight="1" x14ac:dyDescent="0.15">
      <c r="C992" s="15"/>
    </row>
    <row r="993" spans="3:3" ht="27" customHeight="1" x14ac:dyDescent="0.15">
      <c r="C993" s="15"/>
    </row>
    <row r="994" spans="3:3" ht="27" customHeight="1" x14ac:dyDescent="0.15">
      <c r="C994" s="15"/>
    </row>
    <row r="995" spans="3:3" ht="27" customHeight="1" x14ac:dyDescent="0.15">
      <c r="C995" s="15"/>
    </row>
    <row r="996" spans="3:3" ht="27" customHeight="1" x14ac:dyDescent="0.15">
      <c r="C996" s="15"/>
    </row>
    <row r="997" spans="3:3" ht="27" customHeight="1" x14ac:dyDescent="0.15">
      <c r="C997" s="15"/>
    </row>
    <row r="998" spans="3:3" ht="27" customHeight="1" x14ac:dyDescent="0.15">
      <c r="C998" s="15"/>
    </row>
    <row r="999" spans="3:3" ht="27" customHeight="1" x14ac:dyDescent="0.15">
      <c r="C999" s="15"/>
    </row>
    <row r="1000" spans="3:3" ht="27" customHeight="1" x14ac:dyDescent="0.15">
      <c r="C1000" s="15"/>
    </row>
    <row r="1001" spans="3:3" ht="27" customHeight="1" x14ac:dyDescent="0.15">
      <c r="C1001" s="15"/>
    </row>
    <row r="1002" spans="3:3" ht="27" customHeight="1" x14ac:dyDescent="0.15">
      <c r="C1002" s="15"/>
    </row>
    <row r="1003" spans="3:3" ht="27" customHeight="1" x14ac:dyDescent="0.15">
      <c r="C1003" s="15"/>
    </row>
    <row r="1004" spans="3:3" ht="27" customHeight="1" x14ac:dyDescent="0.15">
      <c r="C1004" s="15"/>
    </row>
    <row r="1005" spans="3:3" ht="27" customHeight="1" x14ac:dyDescent="0.15">
      <c r="C1005" s="15"/>
    </row>
    <row r="1006" spans="3:3" ht="27" customHeight="1" x14ac:dyDescent="0.15">
      <c r="C1006" s="15"/>
    </row>
    <row r="1007" spans="3:3" ht="27" customHeight="1" x14ac:dyDescent="0.15">
      <c r="C1007" s="15"/>
    </row>
    <row r="1008" spans="3:3" ht="27" customHeight="1" x14ac:dyDescent="0.15">
      <c r="C1008" s="15"/>
    </row>
    <row r="1009" spans="3:3" ht="27" customHeight="1" x14ac:dyDescent="0.15">
      <c r="C1009" s="15"/>
    </row>
    <row r="1010" spans="3:3" ht="27" customHeight="1" x14ac:dyDescent="0.15">
      <c r="C1010" s="15"/>
    </row>
    <row r="1011" spans="3:3" ht="27" customHeight="1" x14ac:dyDescent="0.15">
      <c r="C1011" s="15"/>
    </row>
    <row r="1012" spans="3:3" ht="27" customHeight="1" x14ac:dyDescent="0.15">
      <c r="C1012" s="15"/>
    </row>
    <row r="1013" spans="3:3" ht="27" customHeight="1" x14ac:dyDescent="0.15">
      <c r="C1013" s="15"/>
    </row>
    <row r="1014" spans="3:3" ht="27" customHeight="1" x14ac:dyDescent="0.15">
      <c r="C1014" s="15"/>
    </row>
    <row r="1015" spans="3:3" ht="27" customHeight="1" x14ac:dyDescent="0.15">
      <c r="C1015" s="15"/>
    </row>
    <row r="1016" spans="3:3" ht="27" customHeight="1" x14ac:dyDescent="0.15">
      <c r="C1016" s="15"/>
    </row>
    <row r="1017" spans="3:3" ht="27" customHeight="1" x14ac:dyDescent="0.15">
      <c r="C1017" s="15"/>
    </row>
    <row r="1018" spans="3:3" ht="27" customHeight="1" x14ac:dyDescent="0.15">
      <c r="C1018" s="15"/>
    </row>
    <row r="1019" spans="3:3" ht="27" customHeight="1" x14ac:dyDescent="0.15">
      <c r="C1019" s="15"/>
    </row>
    <row r="1020" spans="3:3" ht="27" customHeight="1" x14ac:dyDescent="0.15">
      <c r="C1020" s="15"/>
    </row>
    <row r="1021" spans="3:3" ht="27" customHeight="1" x14ac:dyDescent="0.15">
      <c r="C1021" s="15"/>
    </row>
    <row r="1022" spans="3:3" ht="27" customHeight="1" x14ac:dyDescent="0.15">
      <c r="C1022" s="15"/>
    </row>
    <row r="1023" spans="3:3" ht="27" customHeight="1" x14ac:dyDescent="0.15">
      <c r="C1023" s="15"/>
    </row>
    <row r="1024" spans="3:3" ht="27" customHeight="1" x14ac:dyDescent="0.15">
      <c r="C1024" s="15"/>
    </row>
    <row r="1025" spans="3:3" ht="27" customHeight="1" x14ac:dyDescent="0.15">
      <c r="C1025" s="15"/>
    </row>
    <row r="1026" spans="3:3" ht="27" customHeight="1" x14ac:dyDescent="0.15">
      <c r="C1026" s="15"/>
    </row>
    <row r="1027" spans="3:3" ht="27" customHeight="1" x14ac:dyDescent="0.15">
      <c r="C1027" s="15"/>
    </row>
    <row r="1028" spans="3:3" ht="27" customHeight="1" x14ac:dyDescent="0.15">
      <c r="C1028" s="15"/>
    </row>
    <row r="1029" spans="3:3" ht="27" customHeight="1" x14ac:dyDescent="0.15">
      <c r="C1029" s="15"/>
    </row>
    <row r="1030" spans="3:3" ht="27" customHeight="1" x14ac:dyDescent="0.15">
      <c r="C1030" s="15"/>
    </row>
    <row r="1031" spans="3:3" ht="27" customHeight="1" x14ac:dyDescent="0.15">
      <c r="C1031" s="15"/>
    </row>
    <row r="1032" spans="3:3" ht="27" customHeight="1" x14ac:dyDescent="0.15">
      <c r="C1032" s="15"/>
    </row>
    <row r="1033" spans="3:3" ht="27" customHeight="1" x14ac:dyDescent="0.15">
      <c r="C1033" s="15"/>
    </row>
    <row r="1034" spans="3:3" ht="27" customHeight="1" x14ac:dyDescent="0.15">
      <c r="C1034" s="15"/>
    </row>
    <row r="1035" spans="3:3" ht="27" customHeight="1" x14ac:dyDescent="0.15">
      <c r="C1035" s="15"/>
    </row>
    <row r="1036" spans="3:3" ht="27" customHeight="1" x14ac:dyDescent="0.15">
      <c r="C1036" s="15"/>
    </row>
    <row r="1037" spans="3:3" ht="27" customHeight="1" x14ac:dyDescent="0.15">
      <c r="C1037" s="15"/>
    </row>
    <row r="1038" spans="3:3" ht="27" customHeight="1" x14ac:dyDescent="0.15">
      <c r="C1038" s="15"/>
    </row>
    <row r="1039" spans="3:3" ht="27" customHeight="1" x14ac:dyDescent="0.15">
      <c r="C1039" s="15"/>
    </row>
    <row r="1040" spans="3:3" ht="27" customHeight="1" x14ac:dyDescent="0.15">
      <c r="C1040" s="15"/>
    </row>
    <row r="1041" spans="3:3" ht="27" customHeight="1" x14ac:dyDescent="0.15">
      <c r="C1041" s="15"/>
    </row>
    <row r="1042" spans="3:3" ht="27" customHeight="1" x14ac:dyDescent="0.15">
      <c r="C1042" s="15"/>
    </row>
    <row r="1043" spans="3:3" ht="27" customHeight="1" x14ac:dyDescent="0.15">
      <c r="C1043" s="15"/>
    </row>
    <row r="1044" spans="3:3" ht="27" customHeight="1" x14ac:dyDescent="0.15">
      <c r="C1044" s="15"/>
    </row>
    <row r="1045" spans="3:3" ht="27" customHeight="1" x14ac:dyDescent="0.15">
      <c r="C1045" s="15"/>
    </row>
    <row r="1046" spans="3:3" ht="27" customHeight="1" x14ac:dyDescent="0.15">
      <c r="C1046" s="15"/>
    </row>
    <row r="1047" spans="3:3" ht="27" customHeight="1" x14ac:dyDescent="0.15">
      <c r="C1047" s="15"/>
    </row>
    <row r="1048" spans="3:3" ht="27" customHeight="1" x14ac:dyDescent="0.15">
      <c r="C1048" s="15"/>
    </row>
    <row r="1049" spans="3:3" ht="27" customHeight="1" x14ac:dyDescent="0.15">
      <c r="C1049" s="15"/>
    </row>
    <row r="1050" spans="3:3" ht="27" customHeight="1" x14ac:dyDescent="0.15">
      <c r="C1050" s="15"/>
    </row>
    <row r="1051" spans="3:3" ht="27" customHeight="1" x14ac:dyDescent="0.15">
      <c r="C1051" s="15"/>
    </row>
    <row r="1052" spans="3:3" ht="27" customHeight="1" x14ac:dyDescent="0.15">
      <c r="C1052" s="15"/>
    </row>
    <row r="1053" spans="3:3" ht="27" customHeight="1" x14ac:dyDescent="0.15">
      <c r="C1053" s="15"/>
    </row>
    <row r="1054" spans="3:3" ht="27" customHeight="1" x14ac:dyDescent="0.15">
      <c r="C1054" s="15"/>
    </row>
    <row r="1055" spans="3:3" ht="27" customHeight="1" x14ac:dyDescent="0.15">
      <c r="C1055" s="15"/>
    </row>
    <row r="1056" spans="3:3" ht="27" customHeight="1" x14ac:dyDescent="0.15">
      <c r="C1056" s="15"/>
    </row>
    <row r="1057" spans="3:3" ht="27" customHeight="1" x14ac:dyDescent="0.15">
      <c r="C1057" s="15"/>
    </row>
    <row r="1058" spans="3:3" ht="27" customHeight="1" x14ac:dyDescent="0.15">
      <c r="C1058" s="15"/>
    </row>
    <row r="1059" spans="3:3" ht="27" customHeight="1" x14ac:dyDescent="0.15">
      <c r="C1059" s="15"/>
    </row>
    <row r="1060" spans="3:3" ht="27" customHeight="1" x14ac:dyDescent="0.15">
      <c r="C1060" s="15"/>
    </row>
    <row r="1061" spans="3:3" ht="27" customHeight="1" x14ac:dyDescent="0.15">
      <c r="C1061" s="15"/>
    </row>
    <row r="1062" spans="3:3" ht="27" customHeight="1" x14ac:dyDescent="0.15">
      <c r="C1062" s="15"/>
    </row>
    <row r="1063" spans="3:3" ht="27" customHeight="1" x14ac:dyDescent="0.15">
      <c r="C1063" s="15"/>
    </row>
    <row r="1064" spans="3:3" ht="27" customHeight="1" x14ac:dyDescent="0.15">
      <c r="C1064" s="15"/>
    </row>
    <row r="1065" spans="3:3" ht="27" customHeight="1" x14ac:dyDescent="0.15">
      <c r="C1065" s="15"/>
    </row>
    <row r="1066" spans="3:3" ht="27" customHeight="1" x14ac:dyDescent="0.15">
      <c r="C1066" s="15"/>
    </row>
    <row r="1067" spans="3:3" ht="27" customHeight="1" x14ac:dyDescent="0.15">
      <c r="C1067" s="15"/>
    </row>
    <row r="1068" spans="3:3" ht="27" customHeight="1" x14ac:dyDescent="0.15">
      <c r="C1068" s="15"/>
    </row>
    <row r="1069" spans="3:3" ht="27" customHeight="1" x14ac:dyDescent="0.15">
      <c r="C1069" s="15"/>
    </row>
    <row r="1070" spans="3:3" ht="27" customHeight="1" x14ac:dyDescent="0.15">
      <c r="C1070" s="15"/>
    </row>
    <row r="1071" spans="3:3" ht="27" customHeight="1" x14ac:dyDescent="0.15">
      <c r="C1071" s="15"/>
    </row>
    <row r="1072" spans="3:3" ht="27" customHeight="1" x14ac:dyDescent="0.15">
      <c r="C1072" s="15"/>
    </row>
    <row r="1073" spans="3:3" ht="27" customHeight="1" x14ac:dyDescent="0.15">
      <c r="C1073" s="15"/>
    </row>
    <row r="1074" spans="3:3" ht="27" customHeight="1" x14ac:dyDescent="0.15">
      <c r="C1074" s="15"/>
    </row>
    <row r="1075" spans="3:3" ht="27" customHeight="1" x14ac:dyDescent="0.15">
      <c r="C1075" s="15"/>
    </row>
    <row r="1076" spans="3:3" ht="27" customHeight="1" x14ac:dyDescent="0.15">
      <c r="C1076" s="15"/>
    </row>
    <row r="1077" spans="3:3" ht="27" customHeight="1" x14ac:dyDescent="0.15">
      <c r="C1077" s="15"/>
    </row>
    <row r="1078" spans="3:3" ht="27" customHeight="1" x14ac:dyDescent="0.15">
      <c r="C1078" s="15"/>
    </row>
    <row r="1079" spans="3:3" ht="27" customHeight="1" x14ac:dyDescent="0.15">
      <c r="C1079" s="15"/>
    </row>
    <row r="1080" spans="3:3" ht="27" customHeight="1" x14ac:dyDescent="0.15">
      <c r="C1080" s="15"/>
    </row>
    <row r="1081" spans="3:3" ht="27" customHeight="1" x14ac:dyDescent="0.15">
      <c r="C1081" s="15"/>
    </row>
    <row r="1082" spans="3:3" ht="27" customHeight="1" x14ac:dyDescent="0.15">
      <c r="C1082" s="15"/>
    </row>
    <row r="1083" spans="3:3" ht="27" customHeight="1" x14ac:dyDescent="0.15">
      <c r="C1083" s="15"/>
    </row>
    <row r="1084" spans="3:3" ht="27" customHeight="1" x14ac:dyDescent="0.15">
      <c r="C1084" s="15"/>
    </row>
    <row r="1085" spans="3:3" ht="27" customHeight="1" x14ac:dyDescent="0.15">
      <c r="C1085" s="15"/>
    </row>
    <row r="1086" spans="3:3" ht="27" customHeight="1" x14ac:dyDescent="0.15">
      <c r="C1086" s="15"/>
    </row>
    <row r="1087" spans="3:3" ht="27" customHeight="1" x14ac:dyDescent="0.15">
      <c r="C1087" s="15"/>
    </row>
    <row r="1088" spans="3:3" ht="27" customHeight="1" x14ac:dyDescent="0.15">
      <c r="C1088" s="15"/>
    </row>
    <row r="1089" spans="3:3" ht="27" customHeight="1" x14ac:dyDescent="0.15">
      <c r="C1089" s="15"/>
    </row>
    <row r="1090" spans="3:3" ht="27" customHeight="1" x14ac:dyDescent="0.15">
      <c r="C1090" s="15"/>
    </row>
    <row r="1091" spans="3:3" ht="27" customHeight="1" x14ac:dyDescent="0.15">
      <c r="C1091" s="15"/>
    </row>
    <row r="1092" spans="3:3" ht="27" customHeight="1" x14ac:dyDescent="0.15">
      <c r="C1092" s="15"/>
    </row>
    <row r="1093" spans="3:3" ht="27" customHeight="1" x14ac:dyDescent="0.15">
      <c r="C1093" s="15"/>
    </row>
    <row r="1094" spans="3:3" ht="27" customHeight="1" x14ac:dyDescent="0.15">
      <c r="C1094" s="15"/>
    </row>
    <row r="1095" spans="3:3" ht="27" customHeight="1" x14ac:dyDescent="0.15">
      <c r="C1095" s="15"/>
    </row>
    <row r="1096" spans="3:3" ht="27" customHeight="1" x14ac:dyDescent="0.15">
      <c r="C1096" s="15"/>
    </row>
    <row r="1097" spans="3:3" ht="27" customHeight="1" x14ac:dyDescent="0.15">
      <c r="C1097" s="15"/>
    </row>
    <row r="1098" spans="3:3" ht="27" customHeight="1" x14ac:dyDescent="0.15">
      <c r="C1098" s="15"/>
    </row>
    <row r="1099" spans="3:3" ht="27" customHeight="1" x14ac:dyDescent="0.15">
      <c r="C1099" s="15"/>
    </row>
    <row r="1100" spans="3:3" ht="27" customHeight="1" x14ac:dyDescent="0.15">
      <c r="C1100" s="15"/>
    </row>
    <row r="1101" spans="3:3" ht="27" customHeight="1" x14ac:dyDescent="0.15">
      <c r="C1101" s="15"/>
    </row>
    <row r="1102" spans="3:3" ht="27" customHeight="1" x14ac:dyDescent="0.15">
      <c r="C1102" s="15"/>
    </row>
    <row r="1103" spans="3:3" ht="27" customHeight="1" x14ac:dyDescent="0.15">
      <c r="C1103" s="15"/>
    </row>
    <row r="1104" spans="3:3" ht="27" customHeight="1" x14ac:dyDescent="0.15">
      <c r="C1104" s="15"/>
    </row>
    <row r="1105" spans="3:3" ht="27" customHeight="1" x14ac:dyDescent="0.15">
      <c r="C1105" s="15"/>
    </row>
    <row r="1106" spans="3:3" ht="27" customHeight="1" x14ac:dyDescent="0.15">
      <c r="C1106" s="15"/>
    </row>
    <row r="1107" spans="3:3" ht="27" customHeight="1" x14ac:dyDescent="0.15">
      <c r="C1107" s="15"/>
    </row>
    <row r="1108" spans="3:3" ht="27" customHeight="1" x14ac:dyDescent="0.15">
      <c r="C1108" s="15"/>
    </row>
    <row r="1109" spans="3:3" ht="27" customHeight="1" x14ac:dyDescent="0.15">
      <c r="C1109" s="15"/>
    </row>
    <row r="1110" spans="3:3" ht="27" customHeight="1" x14ac:dyDescent="0.15">
      <c r="C1110" s="15"/>
    </row>
    <row r="1111" spans="3:3" ht="27" customHeight="1" x14ac:dyDescent="0.15">
      <c r="C1111" s="15"/>
    </row>
    <row r="1112" spans="3:3" ht="27" customHeight="1" x14ac:dyDescent="0.15">
      <c r="C1112" s="15"/>
    </row>
    <row r="1113" spans="3:3" ht="27" customHeight="1" x14ac:dyDescent="0.15">
      <c r="C1113" s="15"/>
    </row>
    <row r="1114" spans="3:3" ht="27" customHeight="1" x14ac:dyDescent="0.15">
      <c r="C1114" s="15"/>
    </row>
    <row r="1115" spans="3:3" ht="27" customHeight="1" x14ac:dyDescent="0.15">
      <c r="C1115" s="15"/>
    </row>
    <row r="1116" spans="3:3" ht="27" customHeight="1" x14ac:dyDescent="0.15">
      <c r="C1116" s="15"/>
    </row>
    <row r="1117" spans="3:3" ht="27" customHeight="1" x14ac:dyDescent="0.15">
      <c r="C1117" s="15"/>
    </row>
    <row r="1118" spans="3:3" ht="27" customHeight="1" x14ac:dyDescent="0.15">
      <c r="C1118" s="15"/>
    </row>
    <row r="1119" spans="3:3" ht="27" customHeight="1" x14ac:dyDescent="0.15">
      <c r="C1119" s="15"/>
    </row>
    <row r="1120" spans="3:3" ht="27" customHeight="1" x14ac:dyDescent="0.15">
      <c r="C1120" s="15"/>
    </row>
    <row r="1121" spans="3:3" ht="27" customHeight="1" x14ac:dyDescent="0.15">
      <c r="C1121" s="15"/>
    </row>
    <row r="1122" spans="3:3" ht="27" customHeight="1" x14ac:dyDescent="0.15">
      <c r="C1122" s="15"/>
    </row>
    <row r="1123" spans="3:3" ht="27" customHeight="1" x14ac:dyDescent="0.15">
      <c r="C1123" s="15"/>
    </row>
    <row r="1124" spans="3:3" ht="27" customHeight="1" x14ac:dyDescent="0.15">
      <c r="C1124" s="15"/>
    </row>
    <row r="1125" spans="3:3" ht="27" customHeight="1" x14ac:dyDescent="0.15">
      <c r="C1125" s="15"/>
    </row>
    <row r="1126" spans="3:3" ht="27" customHeight="1" x14ac:dyDescent="0.15">
      <c r="C1126" s="15"/>
    </row>
    <row r="1127" spans="3:3" ht="27" customHeight="1" x14ac:dyDescent="0.15">
      <c r="C1127" s="15"/>
    </row>
    <row r="1128" spans="3:3" ht="27" customHeight="1" x14ac:dyDescent="0.15">
      <c r="C1128" s="15"/>
    </row>
    <row r="1129" spans="3:3" ht="27" customHeight="1" x14ac:dyDescent="0.15">
      <c r="C1129" s="15"/>
    </row>
    <row r="1130" spans="3:3" ht="27" customHeight="1" x14ac:dyDescent="0.15">
      <c r="C1130" s="15"/>
    </row>
    <row r="1131" spans="3:3" ht="27" customHeight="1" x14ac:dyDescent="0.15">
      <c r="C1131" s="15"/>
    </row>
    <row r="1132" spans="3:3" ht="27" customHeight="1" x14ac:dyDescent="0.15">
      <c r="C1132" s="15"/>
    </row>
    <row r="1133" spans="3:3" ht="27" customHeight="1" x14ac:dyDescent="0.15">
      <c r="C1133" s="15"/>
    </row>
    <row r="1134" spans="3:3" ht="27" customHeight="1" x14ac:dyDescent="0.15">
      <c r="C1134" s="15"/>
    </row>
    <row r="1135" spans="3:3" ht="27" customHeight="1" x14ac:dyDescent="0.15">
      <c r="C1135" s="15"/>
    </row>
    <row r="1136" spans="3:3" ht="27" customHeight="1" x14ac:dyDescent="0.15">
      <c r="C1136" s="15"/>
    </row>
    <row r="1137" spans="3:3" ht="27" customHeight="1" x14ac:dyDescent="0.15">
      <c r="C1137" s="15"/>
    </row>
    <row r="1138" spans="3:3" ht="27" customHeight="1" x14ac:dyDescent="0.15">
      <c r="C1138" s="15"/>
    </row>
    <row r="1139" spans="3:3" ht="27" customHeight="1" x14ac:dyDescent="0.15">
      <c r="C1139" s="15"/>
    </row>
    <row r="1140" spans="3:3" ht="27" customHeight="1" x14ac:dyDescent="0.15">
      <c r="C1140" s="15"/>
    </row>
    <row r="1141" spans="3:3" ht="27" customHeight="1" x14ac:dyDescent="0.15">
      <c r="C1141" s="15"/>
    </row>
    <row r="1142" spans="3:3" ht="27" customHeight="1" x14ac:dyDescent="0.15">
      <c r="C1142" s="15"/>
    </row>
    <row r="1143" spans="3:3" ht="27" customHeight="1" x14ac:dyDescent="0.15">
      <c r="C1143" s="15"/>
    </row>
    <row r="1144" spans="3:3" ht="27" customHeight="1" x14ac:dyDescent="0.15">
      <c r="C1144" s="15"/>
    </row>
    <row r="1145" spans="3:3" ht="27" customHeight="1" x14ac:dyDescent="0.15">
      <c r="C1145" s="15"/>
    </row>
    <row r="1146" spans="3:3" ht="27" customHeight="1" x14ac:dyDescent="0.15">
      <c r="C1146" s="15"/>
    </row>
    <row r="1147" spans="3:3" ht="27" customHeight="1" x14ac:dyDescent="0.15">
      <c r="C1147" s="15"/>
    </row>
    <row r="1148" spans="3:3" ht="27" customHeight="1" x14ac:dyDescent="0.15">
      <c r="C1148" s="15"/>
    </row>
    <row r="1149" spans="3:3" ht="27" customHeight="1" x14ac:dyDescent="0.15">
      <c r="C1149" s="15"/>
    </row>
    <row r="1150" spans="3:3" ht="27" customHeight="1" x14ac:dyDescent="0.15">
      <c r="C1150" s="15"/>
    </row>
    <row r="1151" spans="3:3" ht="27" customHeight="1" x14ac:dyDescent="0.15">
      <c r="C1151" s="15"/>
    </row>
    <row r="1152" spans="3:3" ht="27" customHeight="1" x14ac:dyDescent="0.15">
      <c r="C1152" s="15"/>
    </row>
    <row r="1153" spans="3:3" ht="27" customHeight="1" x14ac:dyDescent="0.15">
      <c r="C1153" s="15"/>
    </row>
    <row r="1154" spans="3:3" ht="27" customHeight="1" x14ac:dyDescent="0.15">
      <c r="C1154" s="15"/>
    </row>
    <row r="1155" spans="3:3" ht="27" customHeight="1" x14ac:dyDescent="0.15">
      <c r="C1155" s="15"/>
    </row>
    <row r="1156" spans="3:3" ht="27" customHeight="1" x14ac:dyDescent="0.15">
      <c r="C1156" s="15"/>
    </row>
    <row r="1157" spans="3:3" ht="27" customHeight="1" x14ac:dyDescent="0.15">
      <c r="C1157" s="15"/>
    </row>
    <row r="1158" spans="3:3" ht="27" customHeight="1" x14ac:dyDescent="0.15">
      <c r="C1158" s="15"/>
    </row>
    <row r="1159" spans="3:3" ht="27" customHeight="1" x14ac:dyDescent="0.15">
      <c r="C1159" s="15"/>
    </row>
    <row r="1160" spans="3:3" ht="27" customHeight="1" x14ac:dyDescent="0.15">
      <c r="C1160" s="15"/>
    </row>
    <row r="1161" spans="3:3" ht="27" customHeight="1" x14ac:dyDescent="0.15">
      <c r="C1161" s="15"/>
    </row>
    <row r="1162" spans="3:3" ht="27" customHeight="1" x14ac:dyDescent="0.15">
      <c r="C1162" s="15"/>
    </row>
    <row r="1163" spans="3:3" ht="27" customHeight="1" x14ac:dyDescent="0.15">
      <c r="C1163" s="15"/>
    </row>
    <row r="1164" spans="3:3" ht="27" customHeight="1" x14ac:dyDescent="0.15">
      <c r="C1164" s="15"/>
    </row>
    <row r="1165" spans="3:3" ht="27" customHeight="1" x14ac:dyDescent="0.15">
      <c r="C1165" s="15"/>
    </row>
    <row r="1166" spans="3:3" ht="27" customHeight="1" x14ac:dyDescent="0.15">
      <c r="C1166" s="15"/>
    </row>
    <row r="1167" spans="3:3" ht="27" customHeight="1" x14ac:dyDescent="0.15">
      <c r="C1167" s="15"/>
    </row>
    <row r="1168" spans="3:3" ht="27" customHeight="1" x14ac:dyDescent="0.15">
      <c r="C1168" s="15"/>
    </row>
    <row r="1169" spans="3:3" ht="27" customHeight="1" x14ac:dyDescent="0.15">
      <c r="C1169" s="15"/>
    </row>
    <row r="1170" spans="3:3" ht="27" customHeight="1" x14ac:dyDescent="0.15">
      <c r="C1170" s="15"/>
    </row>
    <row r="1171" spans="3:3" ht="27" customHeight="1" x14ac:dyDescent="0.15">
      <c r="C1171" s="15"/>
    </row>
    <row r="1172" spans="3:3" ht="27" customHeight="1" x14ac:dyDescent="0.15">
      <c r="C1172" s="15"/>
    </row>
    <row r="1173" spans="3:3" ht="27" customHeight="1" x14ac:dyDescent="0.15">
      <c r="C1173" s="15"/>
    </row>
    <row r="1174" spans="3:3" ht="27" customHeight="1" x14ac:dyDescent="0.15">
      <c r="C1174" s="15"/>
    </row>
    <row r="1175" spans="3:3" ht="27" customHeight="1" x14ac:dyDescent="0.15">
      <c r="C1175" s="15"/>
    </row>
    <row r="1176" spans="3:3" ht="27" customHeight="1" x14ac:dyDescent="0.15">
      <c r="C1176" s="15"/>
    </row>
    <row r="1177" spans="3:3" ht="27" customHeight="1" x14ac:dyDescent="0.15">
      <c r="C1177" s="15"/>
    </row>
    <row r="1178" spans="3:3" ht="27" customHeight="1" x14ac:dyDescent="0.15">
      <c r="C1178" s="15"/>
    </row>
    <row r="1179" spans="3:3" ht="27" customHeight="1" x14ac:dyDescent="0.15">
      <c r="C1179" s="15"/>
    </row>
    <row r="1180" spans="3:3" ht="27" customHeight="1" x14ac:dyDescent="0.15">
      <c r="C1180" s="15"/>
    </row>
    <row r="1181" spans="3:3" ht="27" customHeight="1" x14ac:dyDescent="0.15">
      <c r="C1181" s="15"/>
    </row>
    <row r="1182" spans="3:3" ht="27" customHeight="1" x14ac:dyDescent="0.15">
      <c r="C1182" s="15"/>
    </row>
    <row r="1183" spans="3:3" ht="27" customHeight="1" x14ac:dyDescent="0.15">
      <c r="C1183" s="15"/>
    </row>
    <row r="1184" spans="3:3" ht="27" customHeight="1" x14ac:dyDescent="0.15">
      <c r="C1184" s="15"/>
    </row>
    <row r="1185" spans="3:3" ht="27" customHeight="1" x14ac:dyDescent="0.15">
      <c r="C1185" s="15"/>
    </row>
    <row r="1186" spans="3:3" ht="27" customHeight="1" x14ac:dyDescent="0.15">
      <c r="C1186" s="15"/>
    </row>
    <row r="1187" spans="3:3" ht="27" customHeight="1" x14ac:dyDescent="0.15">
      <c r="C1187" s="15"/>
    </row>
    <row r="1188" spans="3:3" ht="27" customHeight="1" x14ac:dyDescent="0.15">
      <c r="C1188" s="15"/>
    </row>
    <row r="1189" spans="3:3" ht="27" customHeight="1" x14ac:dyDescent="0.15">
      <c r="C1189" s="15"/>
    </row>
    <row r="1190" spans="3:3" ht="27" customHeight="1" x14ac:dyDescent="0.15">
      <c r="C1190" s="15"/>
    </row>
    <row r="1191" spans="3:3" ht="27" customHeight="1" x14ac:dyDescent="0.15">
      <c r="C1191" s="15"/>
    </row>
    <row r="1192" spans="3:3" ht="27" customHeight="1" x14ac:dyDescent="0.15">
      <c r="C1192" s="15"/>
    </row>
    <row r="1193" spans="3:3" ht="27" customHeight="1" x14ac:dyDescent="0.15">
      <c r="C1193" s="15"/>
    </row>
    <row r="1194" spans="3:3" ht="27" customHeight="1" x14ac:dyDescent="0.15">
      <c r="C1194" s="15"/>
    </row>
    <row r="1195" spans="3:3" ht="27" customHeight="1" x14ac:dyDescent="0.15">
      <c r="C1195" s="15"/>
    </row>
    <row r="1196" spans="3:3" ht="27" customHeight="1" x14ac:dyDescent="0.15">
      <c r="C1196" s="15"/>
    </row>
    <row r="1197" spans="3:3" ht="27" customHeight="1" x14ac:dyDescent="0.15">
      <c r="C1197" s="15"/>
    </row>
    <row r="1198" spans="3:3" ht="27" customHeight="1" x14ac:dyDescent="0.15">
      <c r="C1198" s="15"/>
    </row>
    <row r="1199" spans="3:3" ht="27" customHeight="1" x14ac:dyDescent="0.15">
      <c r="C1199" s="15"/>
    </row>
    <row r="1200" spans="3:3" ht="27" customHeight="1" x14ac:dyDescent="0.15">
      <c r="C1200" s="15"/>
    </row>
    <row r="1201" spans="3:3" ht="27" customHeight="1" x14ac:dyDescent="0.15">
      <c r="C1201" s="15"/>
    </row>
    <row r="1202" spans="3:3" ht="27" customHeight="1" x14ac:dyDescent="0.15">
      <c r="C1202" s="15"/>
    </row>
    <row r="1203" spans="3:3" ht="27" customHeight="1" x14ac:dyDescent="0.15">
      <c r="C1203" s="15"/>
    </row>
    <row r="1204" spans="3:3" ht="27" customHeight="1" x14ac:dyDescent="0.15">
      <c r="C1204" s="15"/>
    </row>
    <row r="1205" spans="3:3" ht="27" customHeight="1" x14ac:dyDescent="0.15">
      <c r="C1205" s="15"/>
    </row>
    <row r="1206" spans="3:3" ht="27" customHeight="1" x14ac:dyDescent="0.15">
      <c r="C1206" s="15"/>
    </row>
    <row r="1207" spans="3:3" ht="27" customHeight="1" x14ac:dyDescent="0.15">
      <c r="C1207" s="15"/>
    </row>
    <row r="1208" spans="3:3" ht="27" customHeight="1" x14ac:dyDescent="0.15">
      <c r="C1208" s="15"/>
    </row>
    <row r="1209" spans="3:3" ht="27" customHeight="1" x14ac:dyDescent="0.15">
      <c r="C1209" s="15"/>
    </row>
    <row r="1210" spans="3:3" ht="27" customHeight="1" x14ac:dyDescent="0.15">
      <c r="C1210" s="15"/>
    </row>
    <row r="1211" spans="3:3" ht="27" customHeight="1" x14ac:dyDescent="0.15">
      <c r="C1211" s="15"/>
    </row>
    <row r="1212" spans="3:3" ht="27" customHeight="1" x14ac:dyDescent="0.15">
      <c r="C1212" s="15"/>
    </row>
    <row r="1213" spans="3:3" ht="27" customHeight="1" x14ac:dyDescent="0.15">
      <c r="C1213" s="15"/>
    </row>
    <row r="1214" spans="3:3" ht="27" customHeight="1" x14ac:dyDescent="0.15">
      <c r="C1214" s="15"/>
    </row>
    <row r="1215" spans="3:3" ht="27" customHeight="1" x14ac:dyDescent="0.15">
      <c r="C1215" s="15"/>
    </row>
    <row r="1216" spans="3:3" ht="27" customHeight="1" x14ac:dyDescent="0.15">
      <c r="C1216" s="15"/>
    </row>
    <row r="1217" spans="3:3" ht="27" customHeight="1" x14ac:dyDescent="0.15">
      <c r="C1217" s="15"/>
    </row>
    <row r="1218" spans="3:3" ht="27" customHeight="1" x14ac:dyDescent="0.15">
      <c r="C1218" s="15"/>
    </row>
    <row r="1219" spans="3:3" ht="27" customHeight="1" x14ac:dyDescent="0.15">
      <c r="C1219" s="15"/>
    </row>
    <row r="1220" spans="3:3" ht="27" customHeight="1" x14ac:dyDescent="0.15">
      <c r="C1220" s="15"/>
    </row>
    <row r="1221" spans="3:3" ht="27" customHeight="1" x14ac:dyDescent="0.15">
      <c r="C1221" s="15"/>
    </row>
    <row r="1222" spans="3:3" ht="27" customHeight="1" x14ac:dyDescent="0.15">
      <c r="C1222" s="15"/>
    </row>
    <row r="1223" spans="3:3" ht="27" customHeight="1" x14ac:dyDescent="0.15">
      <c r="C1223" s="15"/>
    </row>
    <row r="1224" spans="3:3" ht="27" customHeight="1" x14ac:dyDescent="0.15">
      <c r="C1224" s="15"/>
    </row>
    <row r="1225" spans="3:3" ht="27" customHeight="1" x14ac:dyDescent="0.15">
      <c r="C1225" s="15"/>
    </row>
    <row r="1226" spans="3:3" ht="27" customHeight="1" x14ac:dyDescent="0.15">
      <c r="C1226" s="15"/>
    </row>
    <row r="1227" spans="3:3" ht="27" customHeight="1" x14ac:dyDescent="0.15">
      <c r="C1227" s="15"/>
    </row>
    <row r="1228" spans="3:3" ht="27" customHeight="1" x14ac:dyDescent="0.15">
      <c r="C1228" s="15"/>
    </row>
    <row r="1229" spans="3:3" ht="27" customHeight="1" x14ac:dyDescent="0.15">
      <c r="C1229" s="15"/>
    </row>
    <row r="1230" spans="3:3" ht="27" customHeight="1" x14ac:dyDescent="0.15">
      <c r="C1230" s="15"/>
    </row>
    <row r="1231" spans="3:3" ht="27" customHeight="1" x14ac:dyDescent="0.15">
      <c r="C1231" s="15"/>
    </row>
    <row r="1232" spans="3:3" ht="27" customHeight="1" x14ac:dyDescent="0.15">
      <c r="C1232" s="15"/>
    </row>
    <row r="1233" spans="3:3" ht="27" customHeight="1" x14ac:dyDescent="0.15">
      <c r="C1233" s="15"/>
    </row>
    <row r="1234" spans="3:3" ht="27" customHeight="1" x14ac:dyDescent="0.15">
      <c r="C1234" s="15"/>
    </row>
    <row r="1235" spans="3:3" ht="27" customHeight="1" x14ac:dyDescent="0.15">
      <c r="C1235" s="15"/>
    </row>
    <row r="1236" spans="3:3" ht="27" customHeight="1" x14ac:dyDescent="0.15">
      <c r="C1236" s="15"/>
    </row>
    <row r="1237" spans="3:3" ht="27" customHeight="1" x14ac:dyDescent="0.15">
      <c r="C1237" s="15"/>
    </row>
    <row r="1238" spans="3:3" ht="27" customHeight="1" x14ac:dyDescent="0.15">
      <c r="C1238" s="15"/>
    </row>
    <row r="1239" spans="3:3" ht="27" customHeight="1" x14ac:dyDescent="0.15">
      <c r="C1239" s="15"/>
    </row>
    <row r="1240" spans="3:3" ht="27" customHeight="1" x14ac:dyDescent="0.15">
      <c r="C1240" s="15"/>
    </row>
    <row r="1241" spans="3:3" ht="27" customHeight="1" x14ac:dyDescent="0.15">
      <c r="C1241" s="15"/>
    </row>
    <row r="1242" spans="3:3" ht="27" customHeight="1" x14ac:dyDescent="0.15">
      <c r="C1242" s="15"/>
    </row>
    <row r="1243" spans="3:3" ht="27" customHeight="1" x14ac:dyDescent="0.15">
      <c r="C1243" s="15"/>
    </row>
    <row r="1244" spans="3:3" ht="27" customHeight="1" x14ac:dyDescent="0.15">
      <c r="C1244" s="15"/>
    </row>
    <row r="1245" spans="3:3" ht="27" customHeight="1" x14ac:dyDescent="0.15">
      <c r="C1245" s="15"/>
    </row>
    <row r="1246" spans="3:3" ht="27" customHeight="1" x14ac:dyDescent="0.15">
      <c r="C1246" s="15"/>
    </row>
    <row r="1247" spans="3:3" ht="27" customHeight="1" x14ac:dyDescent="0.15">
      <c r="C1247" s="15"/>
    </row>
    <row r="1248" spans="3:3" ht="27" customHeight="1" x14ac:dyDescent="0.15">
      <c r="C1248" s="15"/>
    </row>
    <row r="1249" spans="3:3" ht="27" customHeight="1" x14ac:dyDescent="0.15">
      <c r="C1249" s="15"/>
    </row>
    <row r="1250" spans="3:3" ht="27" customHeight="1" x14ac:dyDescent="0.15">
      <c r="C1250" s="15"/>
    </row>
    <row r="1251" spans="3:3" ht="27" customHeight="1" x14ac:dyDescent="0.15">
      <c r="C1251" s="15"/>
    </row>
    <row r="1252" spans="3:3" ht="27" customHeight="1" x14ac:dyDescent="0.15">
      <c r="C1252" s="15"/>
    </row>
    <row r="1253" spans="3:3" ht="27" customHeight="1" x14ac:dyDescent="0.15">
      <c r="C1253" s="15"/>
    </row>
    <row r="1254" spans="3:3" ht="27" customHeight="1" x14ac:dyDescent="0.15">
      <c r="C1254" s="15"/>
    </row>
    <row r="1255" spans="3:3" ht="27" customHeight="1" x14ac:dyDescent="0.15">
      <c r="C1255" s="15"/>
    </row>
    <row r="1256" spans="3:3" ht="27" customHeight="1" x14ac:dyDescent="0.15">
      <c r="C1256" s="15"/>
    </row>
    <row r="1257" spans="3:3" ht="27" customHeight="1" x14ac:dyDescent="0.15">
      <c r="C1257" s="15"/>
    </row>
    <row r="1258" spans="3:3" ht="27" customHeight="1" x14ac:dyDescent="0.15">
      <c r="C1258" s="15"/>
    </row>
    <row r="1259" spans="3:3" ht="27" customHeight="1" x14ac:dyDescent="0.15">
      <c r="C1259" s="15"/>
    </row>
    <row r="1260" spans="3:3" ht="27" customHeight="1" x14ac:dyDescent="0.15">
      <c r="C1260" s="15"/>
    </row>
    <row r="1261" spans="3:3" ht="27" customHeight="1" x14ac:dyDescent="0.15">
      <c r="C1261" s="15"/>
    </row>
    <row r="1262" spans="3:3" ht="27" customHeight="1" x14ac:dyDescent="0.15">
      <c r="C1262" s="15"/>
    </row>
    <row r="1263" spans="3:3" ht="27" customHeight="1" x14ac:dyDescent="0.15">
      <c r="C1263" s="15"/>
    </row>
    <row r="1264" spans="3:3" ht="27" customHeight="1" x14ac:dyDescent="0.15">
      <c r="C1264" s="15"/>
    </row>
    <row r="1265" spans="3:3" ht="27" customHeight="1" x14ac:dyDescent="0.15">
      <c r="C1265" s="15"/>
    </row>
    <row r="1266" spans="3:3" ht="27" customHeight="1" x14ac:dyDescent="0.15">
      <c r="C1266" s="15"/>
    </row>
    <row r="1267" spans="3:3" ht="27" customHeight="1" x14ac:dyDescent="0.15">
      <c r="C1267" s="15"/>
    </row>
    <row r="1268" spans="3:3" ht="27" customHeight="1" x14ac:dyDescent="0.15">
      <c r="C1268" s="15"/>
    </row>
    <row r="1269" spans="3:3" ht="27" customHeight="1" x14ac:dyDescent="0.15">
      <c r="C1269" s="15"/>
    </row>
    <row r="1270" spans="3:3" ht="27" customHeight="1" x14ac:dyDescent="0.15">
      <c r="C1270" s="15"/>
    </row>
    <row r="1271" spans="3:3" ht="27" customHeight="1" x14ac:dyDescent="0.15">
      <c r="C1271" s="15"/>
    </row>
    <row r="1272" spans="3:3" ht="27" customHeight="1" x14ac:dyDescent="0.15">
      <c r="C1272" s="15"/>
    </row>
    <row r="1273" spans="3:3" ht="27" customHeight="1" x14ac:dyDescent="0.15">
      <c r="C1273" s="15"/>
    </row>
    <row r="1274" spans="3:3" ht="27" customHeight="1" x14ac:dyDescent="0.15">
      <c r="C1274" s="15"/>
    </row>
    <row r="1275" spans="3:3" ht="27" customHeight="1" x14ac:dyDescent="0.15">
      <c r="C1275" s="15"/>
    </row>
    <row r="1276" spans="3:3" ht="27" customHeight="1" x14ac:dyDescent="0.15">
      <c r="C1276" s="15"/>
    </row>
    <row r="1277" spans="3:3" ht="27" customHeight="1" x14ac:dyDescent="0.15">
      <c r="C1277" s="15"/>
    </row>
    <row r="1278" spans="3:3" ht="27" customHeight="1" x14ac:dyDescent="0.15">
      <c r="C1278" s="15"/>
    </row>
    <row r="1279" spans="3:3" ht="27" customHeight="1" x14ac:dyDescent="0.15">
      <c r="C1279" s="15"/>
    </row>
    <row r="1280" spans="3:3" ht="27" customHeight="1" x14ac:dyDescent="0.15">
      <c r="C1280" s="15"/>
    </row>
    <row r="1281" spans="3:3" ht="27" customHeight="1" x14ac:dyDescent="0.15">
      <c r="C1281" s="15"/>
    </row>
    <row r="1282" spans="3:3" ht="27" customHeight="1" x14ac:dyDescent="0.15">
      <c r="C1282" s="15"/>
    </row>
    <row r="1283" spans="3:3" ht="27" customHeight="1" x14ac:dyDescent="0.15">
      <c r="C1283" s="15"/>
    </row>
    <row r="1284" spans="3:3" ht="27" customHeight="1" x14ac:dyDescent="0.15">
      <c r="C1284" s="15"/>
    </row>
    <row r="1285" spans="3:3" ht="27" customHeight="1" x14ac:dyDescent="0.15">
      <c r="C1285" s="15"/>
    </row>
    <row r="1286" spans="3:3" ht="27" customHeight="1" x14ac:dyDescent="0.15">
      <c r="C1286" s="15"/>
    </row>
    <row r="1287" spans="3:3" ht="27" customHeight="1" x14ac:dyDescent="0.15">
      <c r="C1287" s="15"/>
    </row>
    <row r="1288" spans="3:3" ht="27" customHeight="1" x14ac:dyDescent="0.15">
      <c r="C1288" s="15"/>
    </row>
    <row r="1289" spans="3:3" ht="27" customHeight="1" x14ac:dyDescent="0.15">
      <c r="C1289" s="15"/>
    </row>
    <row r="1290" spans="3:3" ht="27" customHeight="1" x14ac:dyDescent="0.15">
      <c r="C1290" s="15"/>
    </row>
    <row r="1291" spans="3:3" ht="27" customHeight="1" x14ac:dyDescent="0.15">
      <c r="C1291" s="15"/>
    </row>
    <row r="1292" spans="3:3" ht="27" customHeight="1" x14ac:dyDescent="0.15">
      <c r="C1292" s="15"/>
    </row>
    <row r="1293" spans="3:3" ht="27" customHeight="1" x14ac:dyDescent="0.15">
      <c r="C1293" s="15"/>
    </row>
    <row r="1294" spans="3:3" ht="27" customHeight="1" x14ac:dyDescent="0.15">
      <c r="C1294" s="15"/>
    </row>
    <row r="1295" spans="3:3" ht="27" customHeight="1" x14ac:dyDescent="0.15">
      <c r="C1295" s="15"/>
    </row>
    <row r="1296" spans="3:3" ht="27" customHeight="1" x14ac:dyDescent="0.15">
      <c r="C1296" s="15"/>
    </row>
    <row r="1297" spans="3:3" ht="27" customHeight="1" x14ac:dyDescent="0.15">
      <c r="C1297" s="15"/>
    </row>
    <row r="1298" spans="3:3" ht="27" customHeight="1" x14ac:dyDescent="0.15">
      <c r="C1298" s="15"/>
    </row>
    <row r="1299" spans="3:3" ht="27" customHeight="1" x14ac:dyDescent="0.15">
      <c r="C1299" s="15"/>
    </row>
    <row r="1300" spans="3:3" ht="27" customHeight="1" x14ac:dyDescent="0.15">
      <c r="C1300" s="15"/>
    </row>
    <row r="1301" spans="3:3" ht="27" customHeight="1" x14ac:dyDescent="0.15">
      <c r="C1301" s="15"/>
    </row>
    <row r="1302" spans="3:3" ht="27" customHeight="1" x14ac:dyDescent="0.15">
      <c r="C1302" s="15"/>
    </row>
    <row r="1303" spans="3:3" ht="27" customHeight="1" x14ac:dyDescent="0.15">
      <c r="C1303" s="15"/>
    </row>
    <row r="1304" spans="3:3" ht="27" customHeight="1" x14ac:dyDescent="0.15">
      <c r="C1304" s="15"/>
    </row>
    <row r="1305" spans="3:3" ht="27" customHeight="1" x14ac:dyDescent="0.15">
      <c r="C1305" s="15"/>
    </row>
    <row r="1306" spans="3:3" ht="27" customHeight="1" x14ac:dyDescent="0.15">
      <c r="C1306" s="15"/>
    </row>
    <row r="1307" spans="3:3" ht="27" customHeight="1" x14ac:dyDescent="0.15">
      <c r="C1307" s="15"/>
    </row>
    <row r="1308" spans="3:3" ht="27" customHeight="1" x14ac:dyDescent="0.15">
      <c r="C1308" s="15"/>
    </row>
    <row r="1309" spans="3:3" ht="27" customHeight="1" x14ac:dyDescent="0.15">
      <c r="C1309" s="15"/>
    </row>
    <row r="1310" spans="3:3" ht="27" customHeight="1" x14ac:dyDescent="0.15">
      <c r="C1310" s="15"/>
    </row>
    <row r="1311" spans="3:3" ht="27" customHeight="1" x14ac:dyDescent="0.15">
      <c r="C1311" s="15"/>
    </row>
    <row r="1312" spans="3:3" ht="27" customHeight="1" x14ac:dyDescent="0.15">
      <c r="C1312" s="15"/>
    </row>
    <row r="1313" spans="3:3" ht="27" customHeight="1" x14ac:dyDescent="0.15">
      <c r="C1313" s="15"/>
    </row>
    <row r="1314" spans="3:3" ht="27" customHeight="1" x14ac:dyDescent="0.15">
      <c r="C1314" s="15"/>
    </row>
    <row r="1315" spans="3:3" ht="27" customHeight="1" x14ac:dyDescent="0.15">
      <c r="C1315" s="15"/>
    </row>
    <row r="1316" spans="3:3" ht="27" customHeight="1" x14ac:dyDescent="0.15">
      <c r="C1316" s="15"/>
    </row>
    <row r="1317" spans="3:3" ht="27" customHeight="1" x14ac:dyDescent="0.15">
      <c r="C1317" s="15"/>
    </row>
    <row r="1318" spans="3:3" ht="27" customHeight="1" x14ac:dyDescent="0.15">
      <c r="C1318" s="15"/>
    </row>
    <row r="1319" spans="3:3" ht="27" customHeight="1" x14ac:dyDescent="0.15">
      <c r="C1319" s="15"/>
    </row>
    <row r="1320" spans="3:3" ht="27" customHeight="1" x14ac:dyDescent="0.15">
      <c r="C1320" s="15"/>
    </row>
    <row r="1321" spans="3:3" ht="27" customHeight="1" x14ac:dyDescent="0.15">
      <c r="C1321" s="15"/>
    </row>
    <row r="1322" spans="3:3" ht="27" customHeight="1" x14ac:dyDescent="0.15">
      <c r="C1322" s="15"/>
    </row>
    <row r="1323" spans="3:3" ht="27" customHeight="1" x14ac:dyDescent="0.15">
      <c r="C1323" s="15"/>
    </row>
    <row r="1324" spans="3:3" ht="27" customHeight="1" x14ac:dyDescent="0.15">
      <c r="C1324" s="15"/>
    </row>
    <row r="1325" spans="3:3" ht="27" customHeight="1" x14ac:dyDescent="0.15">
      <c r="C1325" s="15"/>
    </row>
    <row r="1326" spans="3:3" ht="27" customHeight="1" x14ac:dyDescent="0.15">
      <c r="C1326" s="15"/>
    </row>
    <row r="1327" spans="3:3" ht="27" customHeight="1" x14ac:dyDescent="0.15">
      <c r="C1327" s="15"/>
    </row>
    <row r="1328" spans="3:3" ht="27" customHeight="1" x14ac:dyDescent="0.15">
      <c r="C1328" s="15"/>
    </row>
    <row r="1329" spans="3:3" ht="27" customHeight="1" x14ac:dyDescent="0.15">
      <c r="C1329" s="15"/>
    </row>
    <row r="1330" spans="3:3" ht="27" customHeight="1" x14ac:dyDescent="0.15">
      <c r="C1330" s="15"/>
    </row>
    <row r="1331" spans="3:3" ht="27" customHeight="1" x14ac:dyDescent="0.15">
      <c r="C1331" s="15"/>
    </row>
    <row r="1332" spans="3:3" ht="27" customHeight="1" x14ac:dyDescent="0.15">
      <c r="C1332" s="15"/>
    </row>
    <row r="1333" spans="3:3" ht="27" customHeight="1" x14ac:dyDescent="0.15">
      <c r="C1333" s="15"/>
    </row>
    <row r="1334" spans="3:3" ht="27" customHeight="1" x14ac:dyDescent="0.15">
      <c r="C1334" s="15"/>
    </row>
    <row r="1335" spans="3:3" ht="27" customHeight="1" x14ac:dyDescent="0.15">
      <c r="C1335" s="15"/>
    </row>
    <row r="1336" spans="3:3" ht="27" customHeight="1" x14ac:dyDescent="0.15">
      <c r="C1336" s="15"/>
    </row>
    <row r="1337" spans="3:3" ht="27" customHeight="1" x14ac:dyDescent="0.15">
      <c r="C1337" s="15"/>
    </row>
    <row r="1338" spans="3:3" ht="27" customHeight="1" x14ac:dyDescent="0.15">
      <c r="C1338" s="15"/>
    </row>
    <row r="1339" spans="3:3" ht="27" customHeight="1" x14ac:dyDescent="0.15">
      <c r="C1339" s="15"/>
    </row>
    <row r="1340" spans="3:3" ht="27" customHeight="1" x14ac:dyDescent="0.15">
      <c r="C1340" s="15"/>
    </row>
    <row r="1341" spans="3:3" ht="27" customHeight="1" x14ac:dyDescent="0.15">
      <c r="C1341" s="15"/>
    </row>
    <row r="1342" spans="3:3" ht="27" customHeight="1" x14ac:dyDescent="0.15">
      <c r="C1342" s="15"/>
    </row>
    <row r="1343" spans="3:3" ht="27" customHeight="1" x14ac:dyDescent="0.15">
      <c r="C1343" s="15"/>
    </row>
    <row r="1344" spans="3:3" ht="27" customHeight="1" x14ac:dyDescent="0.15">
      <c r="C1344" s="15"/>
    </row>
    <row r="1345" spans="3:3" ht="27" customHeight="1" x14ac:dyDescent="0.15">
      <c r="C1345" s="15"/>
    </row>
    <row r="1346" spans="3:3" ht="27" customHeight="1" x14ac:dyDescent="0.15">
      <c r="C1346" s="15"/>
    </row>
    <row r="1347" spans="3:3" ht="27" customHeight="1" x14ac:dyDescent="0.15">
      <c r="C1347" s="15"/>
    </row>
    <row r="1348" spans="3:3" ht="27" customHeight="1" x14ac:dyDescent="0.15">
      <c r="C1348" s="15"/>
    </row>
    <row r="1349" spans="3:3" ht="27" customHeight="1" x14ac:dyDescent="0.15">
      <c r="C1349" s="15"/>
    </row>
    <row r="1350" spans="3:3" ht="27" customHeight="1" x14ac:dyDescent="0.15">
      <c r="C1350" s="15"/>
    </row>
    <row r="1351" spans="3:3" ht="27" customHeight="1" x14ac:dyDescent="0.15">
      <c r="C1351" s="15"/>
    </row>
    <row r="1352" spans="3:3" ht="27" customHeight="1" x14ac:dyDescent="0.15">
      <c r="C1352" s="15"/>
    </row>
    <row r="1353" spans="3:3" ht="27" customHeight="1" x14ac:dyDescent="0.15">
      <c r="C1353" s="15"/>
    </row>
    <row r="1354" spans="3:3" ht="27" customHeight="1" x14ac:dyDescent="0.15">
      <c r="C1354" s="15"/>
    </row>
    <row r="1355" spans="3:3" ht="27" customHeight="1" x14ac:dyDescent="0.15">
      <c r="C1355" s="15"/>
    </row>
    <row r="1356" spans="3:3" ht="27" customHeight="1" x14ac:dyDescent="0.15">
      <c r="C1356" s="15"/>
    </row>
    <row r="1357" spans="3:3" ht="27" customHeight="1" x14ac:dyDescent="0.15">
      <c r="C1357" s="15"/>
    </row>
    <row r="1358" spans="3:3" ht="27" customHeight="1" x14ac:dyDescent="0.15">
      <c r="C1358" s="15"/>
    </row>
    <row r="1359" spans="3:3" ht="27" customHeight="1" x14ac:dyDescent="0.15">
      <c r="C1359" s="15"/>
    </row>
    <row r="1360" spans="3:3" ht="27" customHeight="1" x14ac:dyDescent="0.15">
      <c r="C1360" s="15"/>
    </row>
    <row r="1361" spans="3:3" ht="27" customHeight="1" x14ac:dyDescent="0.15">
      <c r="C1361" s="15"/>
    </row>
    <row r="1362" spans="3:3" ht="27" customHeight="1" x14ac:dyDescent="0.15">
      <c r="C1362" s="15"/>
    </row>
    <row r="1363" spans="3:3" ht="27" customHeight="1" x14ac:dyDescent="0.15">
      <c r="C1363" s="15"/>
    </row>
    <row r="1364" spans="3:3" ht="27" customHeight="1" x14ac:dyDescent="0.15">
      <c r="C1364" s="15"/>
    </row>
    <row r="1365" spans="3:3" ht="27" customHeight="1" x14ac:dyDescent="0.15">
      <c r="C1365" s="15"/>
    </row>
    <row r="1366" spans="3:3" ht="27" customHeight="1" x14ac:dyDescent="0.15">
      <c r="C1366" s="15"/>
    </row>
    <row r="1367" spans="3:3" ht="27" customHeight="1" x14ac:dyDescent="0.15">
      <c r="C1367" s="15"/>
    </row>
    <row r="1368" spans="3:3" ht="27" customHeight="1" x14ac:dyDescent="0.15">
      <c r="C1368" s="15"/>
    </row>
    <row r="1369" spans="3:3" ht="27" customHeight="1" x14ac:dyDescent="0.15">
      <c r="C1369" s="15"/>
    </row>
    <row r="1370" spans="3:3" ht="27" customHeight="1" x14ac:dyDescent="0.15">
      <c r="C1370" s="15"/>
    </row>
    <row r="1371" spans="3:3" ht="27" customHeight="1" x14ac:dyDescent="0.15">
      <c r="C1371" s="15"/>
    </row>
    <row r="1372" spans="3:3" ht="27" customHeight="1" x14ac:dyDescent="0.15">
      <c r="C1372" s="15"/>
    </row>
    <row r="1373" spans="3:3" ht="27" customHeight="1" x14ac:dyDescent="0.15">
      <c r="C1373" s="15"/>
    </row>
    <row r="1374" spans="3:3" ht="27" customHeight="1" x14ac:dyDescent="0.15">
      <c r="C1374" s="15"/>
    </row>
    <row r="1375" spans="3:3" ht="27" customHeight="1" x14ac:dyDescent="0.15">
      <c r="C1375" s="15"/>
    </row>
    <row r="1376" spans="3:3" ht="27" customHeight="1" x14ac:dyDescent="0.15">
      <c r="C1376" s="15"/>
    </row>
    <row r="1377" spans="3:3" ht="27" customHeight="1" x14ac:dyDescent="0.15">
      <c r="C1377" s="15"/>
    </row>
    <row r="1378" spans="3:3" ht="27" customHeight="1" x14ac:dyDescent="0.15">
      <c r="C1378" s="15"/>
    </row>
    <row r="1379" spans="3:3" ht="27" customHeight="1" x14ac:dyDescent="0.15">
      <c r="C1379" s="15"/>
    </row>
    <row r="1380" spans="3:3" ht="27" customHeight="1" x14ac:dyDescent="0.15">
      <c r="C1380" s="15"/>
    </row>
    <row r="1381" spans="3:3" ht="27" customHeight="1" x14ac:dyDescent="0.15">
      <c r="C1381" s="15"/>
    </row>
    <row r="1382" spans="3:3" ht="27" customHeight="1" x14ac:dyDescent="0.15">
      <c r="C1382" s="15"/>
    </row>
    <row r="1383" spans="3:3" ht="27" customHeight="1" x14ac:dyDescent="0.15">
      <c r="C1383" s="15"/>
    </row>
    <row r="1384" spans="3:3" ht="27" customHeight="1" x14ac:dyDescent="0.15">
      <c r="C1384" s="15"/>
    </row>
    <row r="1385" spans="3:3" ht="27" customHeight="1" x14ac:dyDescent="0.15">
      <c r="C1385" s="15"/>
    </row>
    <row r="1386" spans="3:3" ht="27" customHeight="1" x14ac:dyDescent="0.15">
      <c r="C1386" s="15"/>
    </row>
    <row r="1387" spans="3:3" ht="27" customHeight="1" x14ac:dyDescent="0.15">
      <c r="C1387" s="15"/>
    </row>
    <row r="1388" spans="3:3" ht="27" customHeight="1" x14ac:dyDescent="0.15">
      <c r="C1388" s="15"/>
    </row>
    <row r="1389" spans="3:3" ht="27" customHeight="1" x14ac:dyDescent="0.15">
      <c r="C1389" s="15"/>
    </row>
    <row r="1390" spans="3:3" ht="27" customHeight="1" x14ac:dyDescent="0.15">
      <c r="C1390" s="15"/>
    </row>
    <row r="1391" spans="3:3" ht="27" customHeight="1" x14ac:dyDescent="0.15">
      <c r="C1391" s="15"/>
    </row>
    <row r="1392" spans="3:3" ht="27" customHeight="1" x14ac:dyDescent="0.15">
      <c r="C1392" s="15"/>
    </row>
    <row r="1393" spans="3:3" ht="27" customHeight="1" x14ac:dyDescent="0.15">
      <c r="C1393" s="15"/>
    </row>
    <row r="1394" spans="3:3" ht="27" customHeight="1" x14ac:dyDescent="0.15">
      <c r="C1394" s="15"/>
    </row>
    <row r="1395" spans="3:3" ht="27" customHeight="1" x14ac:dyDescent="0.15">
      <c r="C1395" s="15"/>
    </row>
    <row r="1396" spans="3:3" ht="27" customHeight="1" x14ac:dyDescent="0.15">
      <c r="C1396" s="15"/>
    </row>
    <row r="1397" spans="3:3" ht="27" customHeight="1" x14ac:dyDescent="0.15">
      <c r="C1397" s="15"/>
    </row>
    <row r="1398" spans="3:3" ht="27" customHeight="1" x14ac:dyDescent="0.15">
      <c r="C1398" s="15"/>
    </row>
    <row r="1399" spans="3:3" ht="27" customHeight="1" x14ac:dyDescent="0.15">
      <c r="C1399" s="15"/>
    </row>
    <row r="1400" spans="3:3" ht="27" customHeight="1" x14ac:dyDescent="0.15">
      <c r="C1400" s="15"/>
    </row>
    <row r="1401" spans="3:3" ht="27" customHeight="1" x14ac:dyDescent="0.15">
      <c r="C1401" s="15"/>
    </row>
    <row r="1402" spans="3:3" ht="27" customHeight="1" x14ac:dyDescent="0.15">
      <c r="C1402" s="15"/>
    </row>
    <row r="1403" spans="3:3" ht="27" customHeight="1" x14ac:dyDescent="0.15">
      <c r="C1403" s="15"/>
    </row>
    <row r="1404" spans="3:3" ht="27" customHeight="1" x14ac:dyDescent="0.15">
      <c r="C1404" s="15"/>
    </row>
    <row r="1405" spans="3:3" ht="27" customHeight="1" x14ac:dyDescent="0.15">
      <c r="C1405" s="15"/>
    </row>
    <row r="1406" spans="3:3" ht="27" customHeight="1" x14ac:dyDescent="0.15">
      <c r="C1406" s="15"/>
    </row>
    <row r="1407" spans="3:3" ht="27" customHeight="1" x14ac:dyDescent="0.15">
      <c r="C1407" s="15"/>
    </row>
    <row r="1408" spans="3:3" ht="27" customHeight="1" x14ac:dyDescent="0.15">
      <c r="C1408" s="15"/>
    </row>
    <row r="1409" spans="3:3" ht="27" customHeight="1" x14ac:dyDescent="0.15">
      <c r="C1409" s="15"/>
    </row>
    <row r="1410" spans="3:3" ht="27" customHeight="1" x14ac:dyDescent="0.15">
      <c r="C1410" s="15"/>
    </row>
    <row r="1411" spans="3:3" ht="27" customHeight="1" x14ac:dyDescent="0.15">
      <c r="C1411" s="15"/>
    </row>
    <row r="1412" spans="3:3" ht="27" customHeight="1" x14ac:dyDescent="0.15">
      <c r="C1412" s="15"/>
    </row>
    <row r="1413" spans="3:3" ht="27" customHeight="1" x14ac:dyDescent="0.15">
      <c r="C1413" s="15"/>
    </row>
    <row r="1414" spans="3:3" ht="27" customHeight="1" x14ac:dyDescent="0.15">
      <c r="C1414" s="15"/>
    </row>
    <row r="1415" spans="3:3" ht="27" customHeight="1" x14ac:dyDescent="0.15">
      <c r="C1415" s="15"/>
    </row>
    <row r="1416" spans="3:3" ht="27" customHeight="1" x14ac:dyDescent="0.15">
      <c r="C1416" s="15"/>
    </row>
    <row r="1417" spans="3:3" ht="27" customHeight="1" x14ac:dyDescent="0.15">
      <c r="C1417" s="15"/>
    </row>
    <row r="1418" spans="3:3" ht="27" customHeight="1" x14ac:dyDescent="0.15">
      <c r="C1418" s="15"/>
    </row>
    <row r="1419" spans="3:3" ht="27" customHeight="1" x14ac:dyDescent="0.15">
      <c r="C1419" s="15"/>
    </row>
    <row r="1420" spans="3:3" ht="27" customHeight="1" x14ac:dyDescent="0.15">
      <c r="C1420" s="15"/>
    </row>
    <row r="1421" spans="3:3" ht="27" customHeight="1" x14ac:dyDescent="0.15">
      <c r="C1421" s="15"/>
    </row>
    <row r="1422" spans="3:3" ht="27" customHeight="1" x14ac:dyDescent="0.15">
      <c r="C1422" s="15"/>
    </row>
    <row r="1423" spans="3:3" ht="27" customHeight="1" x14ac:dyDescent="0.15">
      <c r="C1423" s="15"/>
    </row>
    <row r="1424" spans="3:3" ht="27" customHeight="1" x14ac:dyDescent="0.15">
      <c r="C1424" s="15"/>
    </row>
    <row r="1425" spans="3:3" ht="27" customHeight="1" x14ac:dyDescent="0.15">
      <c r="C1425" s="15"/>
    </row>
    <row r="1426" spans="3:3" ht="27" customHeight="1" x14ac:dyDescent="0.15">
      <c r="C1426" s="15"/>
    </row>
    <row r="1427" spans="3:3" ht="27" customHeight="1" x14ac:dyDescent="0.15">
      <c r="C1427" s="15"/>
    </row>
    <row r="1428" spans="3:3" ht="27" customHeight="1" x14ac:dyDescent="0.15">
      <c r="C1428" s="15"/>
    </row>
    <row r="1429" spans="3:3" ht="27" customHeight="1" x14ac:dyDescent="0.15">
      <c r="C1429" s="15"/>
    </row>
    <row r="1430" spans="3:3" ht="27" customHeight="1" x14ac:dyDescent="0.15">
      <c r="C1430" s="15"/>
    </row>
    <row r="1431" spans="3:3" ht="27" customHeight="1" x14ac:dyDescent="0.15">
      <c r="C1431" s="15"/>
    </row>
    <row r="1432" spans="3:3" ht="27" customHeight="1" x14ac:dyDescent="0.15">
      <c r="C1432" s="15"/>
    </row>
    <row r="1433" spans="3:3" ht="27" customHeight="1" x14ac:dyDescent="0.15">
      <c r="C1433" s="15"/>
    </row>
    <row r="1434" spans="3:3" ht="27" customHeight="1" x14ac:dyDescent="0.15">
      <c r="C1434" s="15"/>
    </row>
    <row r="1435" spans="3:3" ht="27" customHeight="1" x14ac:dyDescent="0.15">
      <c r="C1435" s="15"/>
    </row>
    <row r="1436" spans="3:3" ht="27" customHeight="1" x14ac:dyDescent="0.15">
      <c r="C1436" s="15"/>
    </row>
    <row r="1437" spans="3:3" ht="27" customHeight="1" x14ac:dyDescent="0.15">
      <c r="C1437" s="15"/>
    </row>
    <row r="1438" spans="3:3" ht="27" customHeight="1" x14ac:dyDescent="0.15">
      <c r="C1438" s="15"/>
    </row>
    <row r="1439" spans="3:3" ht="27" customHeight="1" x14ac:dyDescent="0.15">
      <c r="C1439" s="15"/>
    </row>
    <row r="1440" spans="3:3" ht="27" customHeight="1" x14ac:dyDescent="0.15">
      <c r="C1440" s="15"/>
    </row>
    <row r="1441" spans="3:3" ht="27" customHeight="1" x14ac:dyDescent="0.15">
      <c r="C1441" s="15"/>
    </row>
    <row r="1442" spans="3:3" ht="27" customHeight="1" x14ac:dyDescent="0.15">
      <c r="C1442" s="15"/>
    </row>
    <row r="1443" spans="3:3" ht="27" customHeight="1" x14ac:dyDescent="0.15">
      <c r="C1443" s="15"/>
    </row>
    <row r="1444" spans="3:3" ht="27" customHeight="1" x14ac:dyDescent="0.15">
      <c r="C1444" s="15"/>
    </row>
    <row r="1445" spans="3:3" ht="27" customHeight="1" x14ac:dyDescent="0.15">
      <c r="C1445" s="15"/>
    </row>
    <row r="1446" spans="3:3" ht="27" customHeight="1" x14ac:dyDescent="0.15">
      <c r="C1446" s="15"/>
    </row>
    <row r="1447" spans="3:3" ht="27" customHeight="1" x14ac:dyDescent="0.15">
      <c r="C1447" s="15"/>
    </row>
    <row r="1448" spans="3:3" ht="27" customHeight="1" x14ac:dyDescent="0.15">
      <c r="C1448" s="15"/>
    </row>
    <row r="1449" spans="3:3" ht="27" customHeight="1" x14ac:dyDescent="0.15">
      <c r="C1449" s="15"/>
    </row>
    <row r="1450" spans="3:3" ht="27" customHeight="1" x14ac:dyDescent="0.15">
      <c r="C1450" s="15"/>
    </row>
    <row r="1451" spans="3:3" ht="27" customHeight="1" x14ac:dyDescent="0.15">
      <c r="C1451" s="15"/>
    </row>
    <row r="1452" spans="3:3" ht="27" customHeight="1" x14ac:dyDescent="0.15">
      <c r="C1452" s="15"/>
    </row>
    <row r="1453" spans="3:3" ht="27" customHeight="1" x14ac:dyDescent="0.15">
      <c r="C1453" s="15"/>
    </row>
    <row r="1454" spans="3:3" ht="27" customHeight="1" x14ac:dyDescent="0.15">
      <c r="C1454" s="15"/>
    </row>
    <row r="1455" spans="3:3" ht="27" customHeight="1" x14ac:dyDescent="0.15">
      <c r="C1455" s="15"/>
    </row>
    <row r="1456" spans="3:3" ht="27" customHeight="1" x14ac:dyDescent="0.15">
      <c r="C1456" s="15"/>
    </row>
    <row r="1457" spans="3:3" ht="27" customHeight="1" x14ac:dyDescent="0.15">
      <c r="C1457" s="15"/>
    </row>
    <row r="1458" spans="3:3" ht="27" customHeight="1" x14ac:dyDescent="0.15">
      <c r="C1458" s="15"/>
    </row>
    <row r="1459" spans="3:3" ht="27" customHeight="1" x14ac:dyDescent="0.15">
      <c r="C1459" s="15"/>
    </row>
    <row r="1460" spans="3:3" ht="27" customHeight="1" x14ac:dyDescent="0.15">
      <c r="C1460" s="15"/>
    </row>
    <row r="1461" spans="3:3" ht="27" customHeight="1" x14ac:dyDescent="0.15">
      <c r="C1461" s="15"/>
    </row>
    <row r="1462" spans="3:3" ht="27" customHeight="1" x14ac:dyDescent="0.15">
      <c r="C1462" s="15"/>
    </row>
    <row r="1463" spans="3:3" ht="27" customHeight="1" x14ac:dyDescent="0.15">
      <c r="C1463" s="15"/>
    </row>
    <row r="1464" spans="3:3" ht="27" customHeight="1" x14ac:dyDescent="0.15">
      <c r="C1464" s="15"/>
    </row>
    <row r="1465" spans="3:3" ht="27" customHeight="1" x14ac:dyDescent="0.15">
      <c r="C1465" s="15"/>
    </row>
    <row r="1466" spans="3:3" ht="27" customHeight="1" x14ac:dyDescent="0.15">
      <c r="C1466" s="15"/>
    </row>
    <row r="1467" spans="3:3" ht="27" customHeight="1" x14ac:dyDescent="0.15">
      <c r="C1467" s="15"/>
    </row>
    <row r="1468" spans="3:3" ht="27" customHeight="1" x14ac:dyDescent="0.15">
      <c r="C1468" s="15"/>
    </row>
    <row r="1469" spans="3:3" ht="27" customHeight="1" x14ac:dyDescent="0.15">
      <c r="C1469" s="15"/>
    </row>
    <row r="1470" spans="3:3" ht="27" customHeight="1" x14ac:dyDescent="0.15">
      <c r="C1470" s="15"/>
    </row>
    <row r="1471" spans="3:3" ht="27" customHeight="1" x14ac:dyDescent="0.15">
      <c r="C1471" s="15"/>
    </row>
    <row r="1472" spans="3:3" ht="27" customHeight="1" x14ac:dyDescent="0.15">
      <c r="C1472" s="15"/>
    </row>
    <row r="1473" spans="3:3" ht="27" customHeight="1" x14ac:dyDescent="0.15">
      <c r="C1473" s="15"/>
    </row>
    <row r="1474" spans="3:3" ht="27" customHeight="1" x14ac:dyDescent="0.15">
      <c r="C1474" s="15"/>
    </row>
    <row r="1475" spans="3:3" ht="27" customHeight="1" x14ac:dyDescent="0.15">
      <c r="C1475" s="15"/>
    </row>
    <row r="1476" spans="3:3" ht="27" customHeight="1" x14ac:dyDescent="0.15">
      <c r="C1476" s="15"/>
    </row>
    <row r="1477" spans="3:3" ht="27" customHeight="1" x14ac:dyDescent="0.15">
      <c r="C1477" s="15"/>
    </row>
    <row r="1478" spans="3:3" ht="27" customHeight="1" x14ac:dyDescent="0.15">
      <c r="C1478" s="15"/>
    </row>
    <row r="1479" spans="3:3" ht="27" customHeight="1" x14ac:dyDescent="0.15">
      <c r="C1479" s="15"/>
    </row>
    <row r="1480" spans="3:3" ht="27" customHeight="1" x14ac:dyDescent="0.15">
      <c r="C1480" s="15"/>
    </row>
    <row r="1481" spans="3:3" ht="27" customHeight="1" x14ac:dyDescent="0.15">
      <c r="C1481" s="15"/>
    </row>
    <row r="1482" spans="3:3" ht="27" customHeight="1" x14ac:dyDescent="0.15">
      <c r="C1482" s="15"/>
    </row>
    <row r="1483" spans="3:3" ht="27" customHeight="1" x14ac:dyDescent="0.15">
      <c r="C1483" s="15"/>
    </row>
    <row r="1484" spans="3:3" ht="27" customHeight="1" x14ac:dyDescent="0.15">
      <c r="C1484" s="15"/>
    </row>
    <row r="1485" spans="3:3" ht="27" customHeight="1" x14ac:dyDescent="0.15">
      <c r="C1485" s="15"/>
    </row>
    <row r="1486" spans="3:3" ht="27" customHeight="1" x14ac:dyDescent="0.15">
      <c r="C1486" s="15"/>
    </row>
    <row r="1487" spans="3:3" ht="27" customHeight="1" x14ac:dyDescent="0.15">
      <c r="C1487" s="15"/>
    </row>
    <row r="1488" spans="3:3" ht="27" customHeight="1" x14ac:dyDescent="0.15">
      <c r="C1488" s="15"/>
    </row>
    <row r="1489" spans="3:3" ht="27" customHeight="1" x14ac:dyDescent="0.15">
      <c r="C1489" s="15"/>
    </row>
    <row r="1490" spans="3:3" ht="27" customHeight="1" x14ac:dyDescent="0.15">
      <c r="C1490" s="15"/>
    </row>
    <row r="1491" spans="3:3" ht="27" customHeight="1" x14ac:dyDescent="0.15">
      <c r="C1491" s="15"/>
    </row>
    <row r="1492" spans="3:3" ht="27" customHeight="1" x14ac:dyDescent="0.15">
      <c r="C1492" s="15"/>
    </row>
    <row r="1493" spans="3:3" ht="27" customHeight="1" x14ac:dyDescent="0.15">
      <c r="C1493" s="15"/>
    </row>
    <row r="1494" spans="3:3" ht="27" customHeight="1" x14ac:dyDescent="0.15">
      <c r="C1494" s="15"/>
    </row>
    <row r="1495" spans="3:3" ht="27" customHeight="1" x14ac:dyDescent="0.15">
      <c r="C1495" s="15"/>
    </row>
    <row r="1496" spans="3:3" ht="27" customHeight="1" x14ac:dyDescent="0.15">
      <c r="C1496" s="15"/>
    </row>
    <row r="1497" spans="3:3" ht="27" customHeight="1" x14ac:dyDescent="0.15">
      <c r="C1497" s="15"/>
    </row>
    <row r="1498" spans="3:3" ht="27" customHeight="1" x14ac:dyDescent="0.15">
      <c r="C1498" s="15"/>
    </row>
    <row r="1499" spans="3:3" ht="27" customHeight="1" x14ac:dyDescent="0.15">
      <c r="C1499" s="15"/>
    </row>
    <row r="1500" spans="3:3" ht="27" customHeight="1" x14ac:dyDescent="0.15">
      <c r="C1500" s="15"/>
    </row>
    <row r="1501" spans="3:3" ht="27" customHeight="1" x14ac:dyDescent="0.15">
      <c r="C1501" s="15"/>
    </row>
    <row r="1502" spans="3:3" ht="27" customHeight="1" x14ac:dyDescent="0.15">
      <c r="C1502" s="15"/>
    </row>
    <row r="1503" spans="3:3" ht="27" customHeight="1" x14ac:dyDescent="0.15">
      <c r="C1503" s="15"/>
    </row>
    <row r="1504" spans="3:3" ht="27" customHeight="1" x14ac:dyDescent="0.15">
      <c r="C1504" s="15"/>
    </row>
    <row r="1505" spans="3:3" ht="27" customHeight="1" x14ac:dyDescent="0.15">
      <c r="C1505" s="15"/>
    </row>
    <row r="1506" spans="3:3" ht="27" customHeight="1" x14ac:dyDescent="0.15">
      <c r="C1506" s="15"/>
    </row>
    <row r="1507" spans="3:3" ht="27" customHeight="1" x14ac:dyDescent="0.15">
      <c r="C1507" s="15"/>
    </row>
    <row r="1508" spans="3:3" ht="27" customHeight="1" x14ac:dyDescent="0.15">
      <c r="C1508" s="15"/>
    </row>
    <row r="1509" spans="3:3" ht="27" customHeight="1" x14ac:dyDescent="0.15">
      <c r="C1509" s="15"/>
    </row>
    <row r="1510" spans="3:3" ht="27" customHeight="1" x14ac:dyDescent="0.15">
      <c r="C1510" s="15"/>
    </row>
    <row r="1511" spans="3:3" ht="27" customHeight="1" x14ac:dyDescent="0.15">
      <c r="C1511" s="15"/>
    </row>
    <row r="1512" spans="3:3" ht="27" customHeight="1" x14ac:dyDescent="0.15">
      <c r="C1512" s="15"/>
    </row>
    <row r="1513" spans="3:3" ht="27" customHeight="1" x14ac:dyDescent="0.15">
      <c r="C1513" s="15"/>
    </row>
    <row r="1514" spans="3:3" ht="27" customHeight="1" x14ac:dyDescent="0.15">
      <c r="C1514" s="15"/>
    </row>
    <row r="1515" spans="3:3" ht="27" customHeight="1" x14ac:dyDescent="0.15">
      <c r="C1515" s="15"/>
    </row>
    <row r="1516" spans="3:3" ht="27" customHeight="1" x14ac:dyDescent="0.15">
      <c r="C1516" s="15"/>
    </row>
    <row r="1517" spans="3:3" ht="27" customHeight="1" x14ac:dyDescent="0.15">
      <c r="C1517" s="15"/>
    </row>
    <row r="1518" spans="3:3" ht="27" customHeight="1" x14ac:dyDescent="0.15">
      <c r="C1518" s="15"/>
    </row>
    <row r="1519" spans="3:3" ht="27" customHeight="1" x14ac:dyDescent="0.15">
      <c r="C1519" s="15"/>
    </row>
    <row r="1520" spans="3:3" ht="27" customHeight="1" x14ac:dyDescent="0.15">
      <c r="C1520" s="15"/>
    </row>
    <row r="1521" spans="3:3" ht="27" customHeight="1" x14ac:dyDescent="0.15">
      <c r="C1521" s="15"/>
    </row>
    <row r="1522" spans="3:3" ht="27" customHeight="1" x14ac:dyDescent="0.15">
      <c r="C1522" s="15"/>
    </row>
    <row r="1523" spans="3:3" ht="27" customHeight="1" x14ac:dyDescent="0.15">
      <c r="C1523" s="15"/>
    </row>
    <row r="1524" spans="3:3" ht="27" customHeight="1" x14ac:dyDescent="0.15">
      <c r="C1524" s="15"/>
    </row>
    <row r="1525" spans="3:3" ht="27" customHeight="1" x14ac:dyDescent="0.15">
      <c r="C1525" s="15"/>
    </row>
    <row r="1526" spans="3:3" ht="27" customHeight="1" x14ac:dyDescent="0.15">
      <c r="C1526" s="15"/>
    </row>
    <row r="1527" spans="3:3" ht="27" customHeight="1" x14ac:dyDescent="0.15">
      <c r="C1527" s="15"/>
    </row>
    <row r="1528" spans="3:3" ht="27" customHeight="1" x14ac:dyDescent="0.15">
      <c r="C1528" s="15"/>
    </row>
    <row r="1529" spans="3:3" ht="27" customHeight="1" x14ac:dyDescent="0.15">
      <c r="C1529" s="15"/>
    </row>
    <row r="1530" spans="3:3" ht="27" customHeight="1" x14ac:dyDescent="0.15">
      <c r="C1530" s="15"/>
    </row>
    <row r="1531" spans="3:3" ht="27" customHeight="1" x14ac:dyDescent="0.15">
      <c r="C1531" s="15"/>
    </row>
    <row r="1532" spans="3:3" ht="27" customHeight="1" x14ac:dyDescent="0.15">
      <c r="C1532" s="15"/>
    </row>
    <row r="1533" spans="3:3" ht="27" customHeight="1" x14ac:dyDescent="0.15">
      <c r="C1533" s="15"/>
    </row>
    <row r="1534" spans="3:3" ht="27" customHeight="1" x14ac:dyDescent="0.15">
      <c r="C1534" s="15"/>
    </row>
    <row r="1535" spans="3:3" ht="27" customHeight="1" x14ac:dyDescent="0.15">
      <c r="C1535" s="15"/>
    </row>
    <row r="1536" spans="3:3" ht="27" customHeight="1" x14ac:dyDescent="0.15">
      <c r="C1536" s="15"/>
    </row>
    <row r="1537" spans="3:3" ht="27" customHeight="1" x14ac:dyDescent="0.15">
      <c r="C1537" s="15"/>
    </row>
    <row r="1538" spans="3:3" ht="27" customHeight="1" x14ac:dyDescent="0.15">
      <c r="C1538" s="15"/>
    </row>
    <row r="1539" spans="3:3" ht="27" customHeight="1" x14ac:dyDescent="0.15">
      <c r="C1539" s="15"/>
    </row>
    <row r="1540" spans="3:3" ht="27" customHeight="1" x14ac:dyDescent="0.15">
      <c r="C1540" s="15"/>
    </row>
    <row r="1541" spans="3:3" ht="27" customHeight="1" x14ac:dyDescent="0.15">
      <c r="C1541" s="15"/>
    </row>
    <row r="1542" spans="3:3" ht="27" customHeight="1" x14ac:dyDescent="0.15">
      <c r="C1542" s="15"/>
    </row>
    <row r="1543" spans="3:3" ht="27" customHeight="1" x14ac:dyDescent="0.15">
      <c r="C1543" s="15"/>
    </row>
    <row r="1544" spans="3:3" ht="27" customHeight="1" x14ac:dyDescent="0.15">
      <c r="C1544" s="15"/>
    </row>
    <row r="1545" spans="3:3" ht="27" customHeight="1" x14ac:dyDescent="0.15">
      <c r="C1545" s="15"/>
    </row>
    <row r="1546" spans="3:3" ht="27" customHeight="1" x14ac:dyDescent="0.15">
      <c r="C1546" s="15"/>
    </row>
    <row r="1547" spans="3:3" ht="27" customHeight="1" x14ac:dyDescent="0.15">
      <c r="C1547" s="15"/>
    </row>
    <row r="1548" spans="3:3" ht="27" customHeight="1" x14ac:dyDescent="0.15">
      <c r="C1548" s="15"/>
    </row>
    <row r="1549" spans="3:3" ht="27" customHeight="1" x14ac:dyDescent="0.15">
      <c r="C1549" s="15"/>
    </row>
    <row r="1550" spans="3:3" ht="27" customHeight="1" x14ac:dyDescent="0.15">
      <c r="C1550" s="15"/>
    </row>
    <row r="1551" spans="3:3" ht="27" customHeight="1" x14ac:dyDescent="0.15">
      <c r="C1551" s="15"/>
    </row>
    <row r="1552" spans="3:3" ht="27" customHeight="1" x14ac:dyDescent="0.15">
      <c r="C1552" s="15"/>
    </row>
    <row r="1553" spans="3:3" ht="27" customHeight="1" x14ac:dyDescent="0.15">
      <c r="C1553" s="15"/>
    </row>
    <row r="1554" spans="3:3" ht="27" customHeight="1" x14ac:dyDescent="0.15">
      <c r="C1554" s="15"/>
    </row>
    <row r="1555" spans="3:3" ht="27" customHeight="1" x14ac:dyDescent="0.15">
      <c r="C1555" s="15"/>
    </row>
    <row r="1556" spans="3:3" ht="27" customHeight="1" x14ac:dyDescent="0.15">
      <c r="C1556" s="15"/>
    </row>
    <row r="1557" spans="3:3" ht="27" customHeight="1" x14ac:dyDescent="0.15">
      <c r="C1557" s="15"/>
    </row>
    <row r="1558" spans="3:3" ht="27" customHeight="1" x14ac:dyDescent="0.15">
      <c r="C1558" s="15"/>
    </row>
    <row r="1559" spans="3:3" ht="27" customHeight="1" x14ac:dyDescent="0.15">
      <c r="C1559" s="15"/>
    </row>
    <row r="1560" spans="3:3" ht="27" customHeight="1" x14ac:dyDescent="0.15">
      <c r="C1560" s="15"/>
    </row>
    <row r="1561" spans="3:3" ht="27" customHeight="1" x14ac:dyDescent="0.15">
      <c r="C1561" s="15"/>
    </row>
    <row r="1562" spans="3:3" ht="27" customHeight="1" x14ac:dyDescent="0.15">
      <c r="C1562" s="15"/>
    </row>
    <row r="1563" spans="3:3" ht="27" customHeight="1" x14ac:dyDescent="0.15">
      <c r="C1563" s="15"/>
    </row>
    <row r="1564" spans="3:3" ht="27" customHeight="1" x14ac:dyDescent="0.15">
      <c r="C1564" s="15"/>
    </row>
    <row r="1565" spans="3:3" ht="27" customHeight="1" x14ac:dyDescent="0.15">
      <c r="C1565" s="15"/>
    </row>
    <row r="1566" spans="3:3" ht="27" customHeight="1" x14ac:dyDescent="0.15">
      <c r="C1566" s="15"/>
    </row>
    <row r="1567" spans="3:3" ht="27" customHeight="1" x14ac:dyDescent="0.15">
      <c r="C1567" s="15"/>
    </row>
    <row r="1568" spans="3:3" ht="27" customHeight="1" x14ac:dyDescent="0.15">
      <c r="C1568" s="15"/>
    </row>
    <row r="1569" spans="3:3" ht="27" customHeight="1" x14ac:dyDescent="0.15">
      <c r="C1569" s="15"/>
    </row>
    <row r="1570" spans="3:3" ht="27" customHeight="1" x14ac:dyDescent="0.15">
      <c r="C1570" s="15"/>
    </row>
    <row r="1571" spans="3:3" ht="27" customHeight="1" x14ac:dyDescent="0.15">
      <c r="C1571" s="15"/>
    </row>
    <row r="1572" spans="3:3" ht="27" customHeight="1" x14ac:dyDescent="0.15">
      <c r="C1572" s="15"/>
    </row>
    <row r="1573" spans="3:3" ht="27" customHeight="1" x14ac:dyDescent="0.15">
      <c r="C1573" s="15"/>
    </row>
    <row r="1574" spans="3:3" ht="27" customHeight="1" x14ac:dyDescent="0.15">
      <c r="C1574" s="15"/>
    </row>
    <row r="1575" spans="3:3" ht="27" customHeight="1" x14ac:dyDescent="0.15">
      <c r="C1575" s="15"/>
    </row>
    <row r="1576" spans="3:3" ht="27" customHeight="1" x14ac:dyDescent="0.15">
      <c r="C1576" s="15"/>
    </row>
    <row r="1577" spans="3:3" ht="27" customHeight="1" x14ac:dyDescent="0.15">
      <c r="C1577" s="15"/>
    </row>
    <row r="1578" spans="3:3" ht="27" customHeight="1" x14ac:dyDescent="0.15">
      <c r="C1578" s="15"/>
    </row>
    <row r="1579" spans="3:3" ht="27" customHeight="1" x14ac:dyDescent="0.15">
      <c r="C1579" s="15"/>
    </row>
    <row r="1580" spans="3:3" ht="27" customHeight="1" x14ac:dyDescent="0.15">
      <c r="C1580" s="15"/>
    </row>
    <row r="1581" spans="3:3" ht="27" customHeight="1" x14ac:dyDescent="0.15">
      <c r="C1581" s="15"/>
    </row>
    <row r="1582" spans="3:3" ht="27" customHeight="1" x14ac:dyDescent="0.15">
      <c r="C1582" s="15"/>
    </row>
    <row r="1583" spans="3:3" ht="27" customHeight="1" x14ac:dyDescent="0.15">
      <c r="C1583" s="15"/>
    </row>
    <row r="1584" spans="3:3" ht="27" customHeight="1" x14ac:dyDescent="0.15">
      <c r="C1584" s="15"/>
    </row>
    <row r="1585" spans="3:3" ht="27" customHeight="1" x14ac:dyDescent="0.15">
      <c r="C1585" s="15"/>
    </row>
    <row r="1586" spans="3:3" ht="27" customHeight="1" x14ac:dyDescent="0.15">
      <c r="C1586" s="15"/>
    </row>
    <row r="1587" spans="3:3" ht="27" customHeight="1" x14ac:dyDescent="0.15">
      <c r="C1587" s="15"/>
    </row>
    <row r="1588" spans="3:3" ht="27" customHeight="1" x14ac:dyDescent="0.15">
      <c r="C1588" s="15"/>
    </row>
    <row r="1589" spans="3:3" ht="27" customHeight="1" x14ac:dyDescent="0.15">
      <c r="C1589" s="15"/>
    </row>
    <row r="1590" spans="3:3" ht="27" customHeight="1" x14ac:dyDescent="0.15">
      <c r="C1590" s="15"/>
    </row>
    <row r="1591" spans="3:3" ht="27" customHeight="1" x14ac:dyDescent="0.15">
      <c r="C1591" s="15"/>
    </row>
    <row r="1592" spans="3:3" ht="27" customHeight="1" x14ac:dyDescent="0.15">
      <c r="C1592" s="15"/>
    </row>
    <row r="1593" spans="3:3" ht="27" customHeight="1" x14ac:dyDescent="0.15">
      <c r="C1593" s="15"/>
    </row>
    <row r="1594" spans="3:3" ht="27" customHeight="1" x14ac:dyDescent="0.15">
      <c r="C1594" s="15"/>
    </row>
    <row r="1595" spans="3:3" ht="27" customHeight="1" x14ac:dyDescent="0.15">
      <c r="C1595" s="15"/>
    </row>
    <row r="1596" spans="3:3" ht="27" customHeight="1" x14ac:dyDescent="0.15">
      <c r="C1596" s="15"/>
    </row>
    <row r="1597" spans="3:3" ht="27" customHeight="1" x14ac:dyDescent="0.15">
      <c r="C1597" s="15"/>
    </row>
    <row r="1598" spans="3:3" ht="27" customHeight="1" x14ac:dyDescent="0.15">
      <c r="C1598" s="15"/>
    </row>
    <row r="1599" spans="3:3" ht="27" customHeight="1" x14ac:dyDescent="0.15">
      <c r="C1599" s="15"/>
    </row>
    <row r="1600" spans="3:3" ht="27" customHeight="1" x14ac:dyDescent="0.15">
      <c r="C1600" s="15"/>
    </row>
    <row r="1601" spans="3:3" ht="27" customHeight="1" x14ac:dyDescent="0.15">
      <c r="C1601" s="15"/>
    </row>
    <row r="1602" spans="3:3" ht="27" customHeight="1" x14ac:dyDescent="0.15">
      <c r="C1602" s="15"/>
    </row>
    <row r="1603" spans="3:3" ht="27" customHeight="1" x14ac:dyDescent="0.15">
      <c r="C1603" s="15"/>
    </row>
    <row r="1604" spans="3:3" ht="27" customHeight="1" x14ac:dyDescent="0.15">
      <c r="C1604" s="15"/>
    </row>
    <row r="1605" spans="3:3" ht="27" customHeight="1" x14ac:dyDescent="0.15">
      <c r="C1605" s="15"/>
    </row>
    <row r="1606" spans="3:3" ht="27" customHeight="1" x14ac:dyDescent="0.15">
      <c r="C1606" s="15"/>
    </row>
    <row r="1607" spans="3:3" ht="27" customHeight="1" x14ac:dyDescent="0.15">
      <c r="C1607" s="15"/>
    </row>
    <row r="1608" spans="3:3" ht="27" customHeight="1" x14ac:dyDescent="0.15">
      <c r="C1608" s="15"/>
    </row>
    <row r="1609" spans="3:3" ht="27" customHeight="1" x14ac:dyDescent="0.15">
      <c r="C1609" s="15"/>
    </row>
    <row r="1610" spans="3:3" ht="27" customHeight="1" x14ac:dyDescent="0.15">
      <c r="C1610" s="15"/>
    </row>
    <row r="1611" spans="3:3" ht="27" customHeight="1" x14ac:dyDescent="0.15">
      <c r="C1611" s="15"/>
    </row>
    <row r="1612" spans="3:3" ht="27" customHeight="1" x14ac:dyDescent="0.15">
      <c r="C1612" s="15"/>
    </row>
    <row r="1613" spans="3:3" ht="27" customHeight="1" x14ac:dyDescent="0.15">
      <c r="C1613" s="15"/>
    </row>
    <row r="1614" spans="3:3" ht="27" customHeight="1" x14ac:dyDescent="0.15">
      <c r="C1614" s="15"/>
    </row>
    <row r="1615" spans="3:3" ht="27" customHeight="1" x14ac:dyDescent="0.15">
      <c r="C1615" s="15"/>
    </row>
    <row r="1616" spans="3:3" ht="27" customHeight="1" x14ac:dyDescent="0.15">
      <c r="C1616" s="15"/>
    </row>
    <row r="1617" spans="3:3" ht="27" customHeight="1" x14ac:dyDescent="0.15">
      <c r="C1617" s="15"/>
    </row>
    <row r="1618" spans="3:3" ht="27" customHeight="1" x14ac:dyDescent="0.15">
      <c r="C1618" s="15"/>
    </row>
    <row r="1619" spans="3:3" ht="27" customHeight="1" x14ac:dyDescent="0.15">
      <c r="C1619" s="15"/>
    </row>
    <row r="1620" spans="3:3" ht="27" customHeight="1" x14ac:dyDescent="0.15">
      <c r="C1620" s="15"/>
    </row>
    <row r="1621" spans="3:3" ht="27" customHeight="1" x14ac:dyDescent="0.15">
      <c r="C1621" s="15"/>
    </row>
    <row r="1622" spans="3:3" ht="27" customHeight="1" x14ac:dyDescent="0.15">
      <c r="C1622" s="15"/>
    </row>
    <row r="1623" spans="3:3" ht="27" customHeight="1" x14ac:dyDescent="0.15">
      <c r="C1623" s="15"/>
    </row>
    <row r="1624" spans="3:3" ht="27" customHeight="1" x14ac:dyDescent="0.15">
      <c r="C1624" s="15"/>
    </row>
    <row r="1625" spans="3:3" ht="27" customHeight="1" x14ac:dyDescent="0.15">
      <c r="C1625" s="15"/>
    </row>
    <row r="1626" spans="3:3" ht="27" customHeight="1" x14ac:dyDescent="0.15">
      <c r="C1626" s="15"/>
    </row>
    <row r="1627" spans="3:3" ht="27" customHeight="1" x14ac:dyDescent="0.15">
      <c r="C1627" s="15"/>
    </row>
    <row r="1628" spans="3:3" ht="27" customHeight="1" x14ac:dyDescent="0.15">
      <c r="C1628" s="15"/>
    </row>
    <row r="1629" spans="3:3" ht="27" customHeight="1" x14ac:dyDescent="0.15">
      <c r="C1629" s="15"/>
    </row>
    <row r="1630" spans="3:3" ht="27" customHeight="1" x14ac:dyDescent="0.15">
      <c r="C1630" s="15"/>
    </row>
    <row r="1631" spans="3:3" ht="27" customHeight="1" x14ac:dyDescent="0.15">
      <c r="C1631" s="15"/>
    </row>
    <row r="1632" spans="3:3" ht="27" customHeight="1" x14ac:dyDescent="0.15">
      <c r="C1632" s="15"/>
    </row>
    <row r="1633" spans="3:3" ht="27" customHeight="1" x14ac:dyDescent="0.15">
      <c r="C1633" s="15"/>
    </row>
    <row r="1634" spans="3:3" ht="27" customHeight="1" x14ac:dyDescent="0.15">
      <c r="C1634" s="15"/>
    </row>
    <row r="1635" spans="3:3" ht="27" customHeight="1" x14ac:dyDescent="0.15">
      <c r="C1635" s="15"/>
    </row>
    <row r="1636" spans="3:3" ht="27" customHeight="1" x14ac:dyDescent="0.15">
      <c r="C1636" s="15"/>
    </row>
    <row r="1637" spans="3:3" ht="27" customHeight="1" x14ac:dyDescent="0.15">
      <c r="C1637" s="15"/>
    </row>
    <row r="1638" spans="3:3" ht="27" customHeight="1" x14ac:dyDescent="0.15">
      <c r="C1638" s="15"/>
    </row>
    <row r="1639" spans="3:3" ht="27" customHeight="1" x14ac:dyDescent="0.15">
      <c r="C1639" s="15"/>
    </row>
    <row r="1640" spans="3:3" ht="27" customHeight="1" x14ac:dyDescent="0.15">
      <c r="C1640" s="15"/>
    </row>
    <row r="1641" spans="3:3" ht="27" customHeight="1" x14ac:dyDescent="0.15">
      <c r="C1641" s="15"/>
    </row>
    <row r="1642" spans="3:3" ht="27" customHeight="1" x14ac:dyDescent="0.15">
      <c r="C1642" s="15"/>
    </row>
    <row r="1643" spans="3:3" ht="27" customHeight="1" x14ac:dyDescent="0.15">
      <c r="C1643" s="15"/>
    </row>
    <row r="1644" spans="3:3" ht="27" customHeight="1" x14ac:dyDescent="0.15">
      <c r="C1644" s="15"/>
    </row>
    <row r="1645" spans="3:3" ht="27" customHeight="1" x14ac:dyDescent="0.15">
      <c r="C1645" s="15"/>
    </row>
    <row r="1646" spans="3:3" ht="27" customHeight="1" x14ac:dyDescent="0.15">
      <c r="C1646" s="15"/>
    </row>
    <row r="1647" spans="3:3" ht="27" customHeight="1" x14ac:dyDescent="0.15">
      <c r="C1647" s="15"/>
    </row>
    <row r="1648" spans="3:3" ht="27" customHeight="1" x14ac:dyDescent="0.15">
      <c r="C1648" s="15"/>
    </row>
    <row r="1649" spans="3:3" ht="27" customHeight="1" x14ac:dyDescent="0.15">
      <c r="C1649" s="15"/>
    </row>
    <row r="1650" spans="3:3" ht="27" customHeight="1" x14ac:dyDescent="0.15">
      <c r="C1650" s="15"/>
    </row>
    <row r="1651" spans="3:3" ht="27" customHeight="1" x14ac:dyDescent="0.15">
      <c r="C1651" s="15"/>
    </row>
    <row r="1652" spans="3:3" ht="27" customHeight="1" x14ac:dyDescent="0.15">
      <c r="C1652" s="15"/>
    </row>
    <row r="1653" spans="3:3" ht="27" customHeight="1" x14ac:dyDescent="0.15">
      <c r="C1653" s="15"/>
    </row>
    <row r="1654" spans="3:3" ht="27" customHeight="1" x14ac:dyDescent="0.15">
      <c r="C1654" s="15"/>
    </row>
    <row r="1655" spans="3:3" ht="27" customHeight="1" x14ac:dyDescent="0.15">
      <c r="C1655" s="15"/>
    </row>
    <row r="1656" spans="3:3" ht="27" customHeight="1" x14ac:dyDescent="0.15">
      <c r="C1656" s="15"/>
    </row>
    <row r="1657" spans="3:3" ht="27" customHeight="1" x14ac:dyDescent="0.15">
      <c r="C1657" s="15"/>
    </row>
    <row r="1658" spans="3:3" ht="27" customHeight="1" x14ac:dyDescent="0.15">
      <c r="C1658" s="15"/>
    </row>
    <row r="1659" spans="3:3" ht="27" customHeight="1" x14ac:dyDescent="0.15">
      <c r="C1659" s="15"/>
    </row>
    <row r="1660" spans="3:3" ht="27" customHeight="1" x14ac:dyDescent="0.15">
      <c r="C1660" s="15"/>
    </row>
    <row r="1661" spans="3:3" ht="27" customHeight="1" x14ac:dyDescent="0.15">
      <c r="C1661" s="15"/>
    </row>
    <row r="1662" spans="3:3" ht="27" customHeight="1" x14ac:dyDescent="0.15">
      <c r="C1662" s="15"/>
    </row>
    <row r="1663" spans="3:3" ht="27" customHeight="1" x14ac:dyDescent="0.15">
      <c r="C1663" s="15"/>
    </row>
    <row r="1664" spans="3:3" ht="27" customHeight="1" x14ac:dyDescent="0.15">
      <c r="C1664" s="15"/>
    </row>
    <row r="1665" spans="3:3" ht="27" customHeight="1" x14ac:dyDescent="0.15">
      <c r="C1665" s="15"/>
    </row>
    <row r="1666" spans="3:3" ht="27" customHeight="1" x14ac:dyDescent="0.15">
      <c r="C1666" s="15"/>
    </row>
    <row r="1667" spans="3:3" ht="27" customHeight="1" x14ac:dyDescent="0.15">
      <c r="C1667" s="15"/>
    </row>
    <row r="1668" spans="3:3" ht="27" customHeight="1" x14ac:dyDescent="0.15">
      <c r="C1668" s="15"/>
    </row>
    <row r="1669" spans="3:3" ht="27" customHeight="1" x14ac:dyDescent="0.15">
      <c r="C1669" s="15"/>
    </row>
    <row r="1670" spans="3:3" ht="27" customHeight="1" x14ac:dyDescent="0.15">
      <c r="C1670" s="15"/>
    </row>
    <row r="1671" spans="3:3" ht="27" customHeight="1" x14ac:dyDescent="0.15">
      <c r="C1671" s="15"/>
    </row>
    <row r="1672" spans="3:3" ht="27" customHeight="1" x14ac:dyDescent="0.15">
      <c r="C1672" s="15"/>
    </row>
    <row r="1673" spans="3:3" ht="27" customHeight="1" x14ac:dyDescent="0.15">
      <c r="C1673" s="15"/>
    </row>
    <row r="1674" spans="3:3" ht="27" customHeight="1" x14ac:dyDescent="0.15">
      <c r="C1674" s="15"/>
    </row>
    <row r="1675" spans="3:3" ht="27" customHeight="1" x14ac:dyDescent="0.15">
      <c r="C1675" s="15"/>
    </row>
    <row r="1676" spans="3:3" ht="27" customHeight="1" x14ac:dyDescent="0.15">
      <c r="C1676" s="15"/>
    </row>
    <row r="1677" spans="3:3" ht="27" customHeight="1" x14ac:dyDescent="0.15">
      <c r="C1677" s="15"/>
    </row>
    <row r="1678" spans="3:3" ht="27" customHeight="1" x14ac:dyDescent="0.15">
      <c r="C1678" s="15"/>
    </row>
    <row r="1679" spans="3:3" ht="27" customHeight="1" x14ac:dyDescent="0.15">
      <c r="C1679" s="15"/>
    </row>
    <row r="1680" spans="3:3" ht="27" customHeight="1" x14ac:dyDescent="0.15">
      <c r="C1680" s="15"/>
    </row>
    <row r="1681" spans="3:3" ht="27" customHeight="1" x14ac:dyDescent="0.15">
      <c r="C1681" s="15"/>
    </row>
    <row r="1682" spans="3:3" ht="27" customHeight="1" x14ac:dyDescent="0.15">
      <c r="C1682" s="15"/>
    </row>
    <row r="1683" spans="3:3" ht="27" customHeight="1" x14ac:dyDescent="0.15">
      <c r="C1683" s="15"/>
    </row>
    <row r="1684" spans="3:3" ht="27" customHeight="1" x14ac:dyDescent="0.15">
      <c r="C1684" s="15"/>
    </row>
    <row r="1685" spans="3:3" ht="27" customHeight="1" x14ac:dyDescent="0.15">
      <c r="C1685" s="15"/>
    </row>
    <row r="1686" spans="3:3" ht="27" customHeight="1" x14ac:dyDescent="0.15">
      <c r="C1686" s="15"/>
    </row>
    <row r="1687" spans="3:3" ht="27" customHeight="1" x14ac:dyDescent="0.15">
      <c r="C1687" s="15"/>
    </row>
    <row r="1688" spans="3:3" ht="27" customHeight="1" x14ac:dyDescent="0.15">
      <c r="C1688" s="15"/>
    </row>
    <row r="1689" spans="3:3" ht="27" customHeight="1" x14ac:dyDescent="0.15">
      <c r="C1689" s="15"/>
    </row>
    <row r="1690" spans="3:3" ht="27" customHeight="1" x14ac:dyDescent="0.15">
      <c r="C1690" s="15"/>
    </row>
    <row r="1691" spans="3:3" ht="27" customHeight="1" x14ac:dyDescent="0.15">
      <c r="C1691" s="15"/>
    </row>
    <row r="1692" spans="3:3" ht="27" customHeight="1" x14ac:dyDescent="0.15">
      <c r="C1692" s="15"/>
    </row>
    <row r="1693" spans="3:3" ht="27" customHeight="1" x14ac:dyDescent="0.15">
      <c r="C1693" s="15"/>
    </row>
    <row r="1694" spans="3:3" ht="27" customHeight="1" x14ac:dyDescent="0.15">
      <c r="C1694" s="15"/>
    </row>
    <row r="1695" spans="3:3" ht="27" customHeight="1" x14ac:dyDescent="0.15">
      <c r="C1695" s="15"/>
    </row>
    <row r="1696" spans="3:3" ht="27" customHeight="1" x14ac:dyDescent="0.15">
      <c r="C1696" s="15"/>
    </row>
    <row r="1697" spans="3:3" ht="27" customHeight="1" x14ac:dyDescent="0.15">
      <c r="C1697" s="15"/>
    </row>
    <row r="1698" spans="3:3" ht="27" customHeight="1" x14ac:dyDescent="0.15">
      <c r="C1698" s="15"/>
    </row>
    <row r="1699" spans="3:3" ht="27" customHeight="1" x14ac:dyDescent="0.15">
      <c r="C1699" s="15"/>
    </row>
    <row r="1700" spans="3:3" ht="27" customHeight="1" x14ac:dyDescent="0.15">
      <c r="C1700" s="15"/>
    </row>
    <row r="1701" spans="3:3" ht="27" customHeight="1" x14ac:dyDescent="0.15">
      <c r="C1701" s="15"/>
    </row>
    <row r="1702" spans="3:3" ht="27" customHeight="1" x14ac:dyDescent="0.15">
      <c r="C1702" s="15"/>
    </row>
    <row r="1703" spans="3:3" ht="27" customHeight="1" x14ac:dyDescent="0.15">
      <c r="C1703" s="15"/>
    </row>
    <row r="1704" spans="3:3" ht="27" customHeight="1" x14ac:dyDescent="0.15">
      <c r="C1704" s="15"/>
    </row>
    <row r="1705" spans="3:3" ht="27" customHeight="1" x14ac:dyDescent="0.15">
      <c r="C1705" s="15"/>
    </row>
    <row r="1706" spans="3:3" ht="27" customHeight="1" x14ac:dyDescent="0.15">
      <c r="C1706" s="15"/>
    </row>
    <row r="1707" spans="3:3" ht="27" customHeight="1" x14ac:dyDescent="0.15">
      <c r="C1707" s="15"/>
    </row>
    <row r="1708" spans="3:3" ht="27" customHeight="1" x14ac:dyDescent="0.15">
      <c r="C1708" s="15"/>
    </row>
    <row r="1709" spans="3:3" ht="27" customHeight="1" x14ac:dyDescent="0.15">
      <c r="C1709" s="15"/>
    </row>
    <row r="1710" spans="3:3" ht="27" customHeight="1" x14ac:dyDescent="0.15">
      <c r="C1710" s="15"/>
    </row>
    <row r="1711" spans="3:3" ht="27" customHeight="1" x14ac:dyDescent="0.15">
      <c r="C1711" s="15"/>
    </row>
    <row r="1712" spans="3:3" ht="27" customHeight="1" x14ac:dyDescent="0.15">
      <c r="C1712" s="15"/>
    </row>
    <row r="1713" spans="3:3" ht="27" customHeight="1" x14ac:dyDescent="0.15">
      <c r="C1713" s="15"/>
    </row>
    <row r="1714" spans="3:3" ht="27" customHeight="1" x14ac:dyDescent="0.15">
      <c r="C1714" s="15"/>
    </row>
    <row r="1715" spans="3:3" ht="27" customHeight="1" x14ac:dyDescent="0.15">
      <c r="C1715" s="15"/>
    </row>
    <row r="1716" spans="3:3" ht="27" customHeight="1" x14ac:dyDescent="0.15">
      <c r="C1716" s="15"/>
    </row>
    <row r="1717" spans="3:3" ht="27" customHeight="1" x14ac:dyDescent="0.15">
      <c r="C1717" s="15"/>
    </row>
    <row r="1718" spans="3:3" ht="27" customHeight="1" x14ac:dyDescent="0.15">
      <c r="C1718" s="15"/>
    </row>
    <row r="1719" spans="3:3" ht="27" customHeight="1" x14ac:dyDescent="0.15">
      <c r="C1719" s="15"/>
    </row>
    <row r="1720" spans="3:3" ht="27" customHeight="1" x14ac:dyDescent="0.15">
      <c r="C1720" s="15"/>
    </row>
    <row r="1721" spans="3:3" ht="27" customHeight="1" x14ac:dyDescent="0.15">
      <c r="C1721" s="15"/>
    </row>
    <row r="1722" spans="3:3" ht="27" customHeight="1" x14ac:dyDescent="0.15">
      <c r="C1722" s="15"/>
    </row>
    <row r="1723" spans="3:3" ht="27" customHeight="1" x14ac:dyDescent="0.15">
      <c r="C1723" s="15"/>
    </row>
    <row r="1724" spans="3:3" ht="27" customHeight="1" x14ac:dyDescent="0.15">
      <c r="C1724" s="15"/>
    </row>
    <row r="1725" spans="3:3" ht="27" customHeight="1" x14ac:dyDescent="0.15">
      <c r="C1725" s="15"/>
    </row>
    <row r="1726" spans="3:3" ht="27" customHeight="1" x14ac:dyDescent="0.15">
      <c r="C1726" s="15"/>
    </row>
    <row r="1727" spans="3:3" ht="27" customHeight="1" x14ac:dyDescent="0.15">
      <c r="C1727" s="15"/>
    </row>
    <row r="1728" spans="3:3" ht="27" customHeight="1" x14ac:dyDescent="0.15">
      <c r="C1728" s="15"/>
    </row>
    <row r="1729" spans="3:3" ht="27" customHeight="1" x14ac:dyDescent="0.15">
      <c r="C1729" s="15"/>
    </row>
    <row r="1730" spans="3:3" ht="27" customHeight="1" x14ac:dyDescent="0.15">
      <c r="C1730" s="15"/>
    </row>
    <row r="1731" spans="3:3" ht="27" customHeight="1" x14ac:dyDescent="0.15">
      <c r="C1731" s="15"/>
    </row>
    <row r="1732" spans="3:3" ht="27" customHeight="1" x14ac:dyDescent="0.15">
      <c r="C1732" s="15"/>
    </row>
    <row r="1733" spans="3:3" ht="27" customHeight="1" x14ac:dyDescent="0.15">
      <c r="C1733" s="15"/>
    </row>
    <row r="1734" spans="3:3" ht="27" customHeight="1" x14ac:dyDescent="0.15">
      <c r="C1734" s="15"/>
    </row>
    <row r="1735" spans="3:3" ht="27" customHeight="1" x14ac:dyDescent="0.15">
      <c r="C1735" s="15"/>
    </row>
    <row r="1736" spans="3:3" ht="27" customHeight="1" x14ac:dyDescent="0.15">
      <c r="C1736" s="15"/>
    </row>
    <row r="1737" spans="3:3" ht="27" customHeight="1" x14ac:dyDescent="0.15">
      <c r="C1737" s="15"/>
    </row>
    <row r="1738" spans="3:3" ht="27" customHeight="1" x14ac:dyDescent="0.15">
      <c r="C1738" s="15"/>
    </row>
    <row r="1739" spans="3:3" ht="27" customHeight="1" x14ac:dyDescent="0.15">
      <c r="C1739" s="15"/>
    </row>
    <row r="1740" spans="3:3" ht="27" customHeight="1" x14ac:dyDescent="0.15">
      <c r="C1740" s="15"/>
    </row>
    <row r="1741" spans="3:3" ht="27" customHeight="1" x14ac:dyDescent="0.15">
      <c r="C1741" s="15"/>
    </row>
    <row r="1742" spans="3:3" ht="27" customHeight="1" x14ac:dyDescent="0.15">
      <c r="C1742" s="15"/>
    </row>
    <row r="1743" spans="3:3" ht="27" customHeight="1" x14ac:dyDescent="0.15">
      <c r="C1743" s="15"/>
    </row>
    <row r="1744" spans="3:3" ht="27" customHeight="1" x14ac:dyDescent="0.15">
      <c r="C1744" s="15"/>
    </row>
    <row r="1745" spans="3:3" ht="27" customHeight="1" x14ac:dyDescent="0.15">
      <c r="C1745" s="15"/>
    </row>
    <row r="1746" spans="3:3" ht="27" customHeight="1" x14ac:dyDescent="0.15">
      <c r="C1746" s="15"/>
    </row>
    <row r="1747" spans="3:3" ht="27" customHeight="1" x14ac:dyDescent="0.15">
      <c r="C1747" s="15"/>
    </row>
    <row r="1748" spans="3:3" ht="27" customHeight="1" x14ac:dyDescent="0.15">
      <c r="C1748" s="15"/>
    </row>
    <row r="1749" spans="3:3" ht="27" customHeight="1" x14ac:dyDescent="0.15">
      <c r="C1749" s="15"/>
    </row>
    <row r="1750" spans="3:3" ht="27" customHeight="1" x14ac:dyDescent="0.15">
      <c r="C1750" s="15"/>
    </row>
    <row r="1751" spans="3:3" ht="27" customHeight="1" x14ac:dyDescent="0.15">
      <c r="C1751" s="15"/>
    </row>
    <row r="1752" spans="3:3" ht="27" customHeight="1" x14ac:dyDescent="0.15">
      <c r="C1752" s="15"/>
    </row>
    <row r="1753" spans="3:3" ht="27" customHeight="1" x14ac:dyDescent="0.15">
      <c r="C1753" s="15"/>
    </row>
    <row r="1754" spans="3:3" ht="27" customHeight="1" x14ac:dyDescent="0.15">
      <c r="C1754" s="15"/>
    </row>
    <row r="1755" spans="3:3" ht="27" customHeight="1" x14ac:dyDescent="0.15">
      <c r="C1755" s="15"/>
    </row>
    <row r="1756" spans="3:3" ht="27" customHeight="1" x14ac:dyDescent="0.15">
      <c r="C1756" s="15"/>
    </row>
    <row r="1757" spans="3:3" ht="27" customHeight="1" x14ac:dyDescent="0.15">
      <c r="C1757" s="15"/>
    </row>
    <row r="1758" spans="3:3" ht="27" customHeight="1" x14ac:dyDescent="0.15">
      <c r="C1758" s="15"/>
    </row>
    <row r="1759" spans="3:3" ht="27" customHeight="1" x14ac:dyDescent="0.15">
      <c r="C1759" s="15"/>
    </row>
    <row r="1760" spans="3:3" ht="27" customHeight="1" x14ac:dyDescent="0.15">
      <c r="C1760" s="15"/>
    </row>
    <row r="1761" spans="3:3" ht="27" customHeight="1" x14ac:dyDescent="0.15">
      <c r="C1761" s="15"/>
    </row>
    <row r="1762" spans="3:3" ht="27" customHeight="1" x14ac:dyDescent="0.15">
      <c r="C1762" s="15"/>
    </row>
    <row r="1763" spans="3:3" ht="27" customHeight="1" x14ac:dyDescent="0.15">
      <c r="C1763" s="15"/>
    </row>
    <row r="1764" spans="3:3" ht="27" customHeight="1" x14ac:dyDescent="0.15">
      <c r="C1764" s="15"/>
    </row>
    <row r="1765" spans="3:3" ht="27" customHeight="1" x14ac:dyDescent="0.15">
      <c r="C1765" s="15"/>
    </row>
    <row r="1766" spans="3:3" ht="27" customHeight="1" x14ac:dyDescent="0.15">
      <c r="C1766" s="15"/>
    </row>
    <row r="1767" spans="3:3" ht="27" customHeight="1" x14ac:dyDescent="0.15">
      <c r="C1767" s="15"/>
    </row>
    <row r="1768" spans="3:3" ht="27" customHeight="1" x14ac:dyDescent="0.15">
      <c r="C1768" s="15"/>
    </row>
    <row r="1769" spans="3:3" ht="27" customHeight="1" x14ac:dyDescent="0.15">
      <c r="C1769" s="15"/>
    </row>
    <row r="1770" spans="3:3" ht="27" customHeight="1" x14ac:dyDescent="0.15">
      <c r="C1770" s="15"/>
    </row>
    <row r="1771" spans="3:3" ht="27" customHeight="1" x14ac:dyDescent="0.15">
      <c r="C1771" s="15"/>
    </row>
    <row r="1772" spans="3:3" ht="27" customHeight="1" x14ac:dyDescent="0.15">
      <c r="C1772" s="15"/>
    </row>
    <row r="1773" spans="3:3" ht="27" customHeight="1" x14ac:dyDescent="0.15">
      <c r="C1773" s="15"/>
    </row>
    <row r="1774" spans="3:3" ht="27" customHeight="1" x14ac:dyDescent="0.15">
      <c r="C1774" s="15"/>
    </row>
    <row r="1775" spans="3:3" ht="27" customHeight="1" x14ac:dyDescent="0.15">
      <c r="C1775" s="15"/>
    </row>
    <row r="1776" spans="3:3" ht="27" customHeight="1" x14ac:dyDescent="0.15">
      <c r="C1776" s="15"/>
    </row>
    <row r="1777" spans="3:3" ht="27" customHeight="1" x14ac:dyDescent="0.15">
      <c r="C1777" s="15"/>
    </row>
    <row r="1778" spans="3:3" ht="27" customHeight="1" x14ac:dyDescent="0.15">
      <c r="C1778" s="15"/>
    </row>
    <row r="1779" spans="3:3" ht="27" customHeight="1" x14ac:dyDescent="0.15">
      <c r="C1779" s="15"/>
    </row>
    <row r="1780" spans="3:3" ht="27" customHeight="1" x14ac:dyDescent="0.15">
      <c r="C1780" s="15"/>
    </row>
    <row r="1781" spans="3:3" ht="27" customHeight="1" x14ac:dyDescent="0.15">
      <c r="C1781" s="15"/>
    </row>
    <row r="1782" spans="3:3" ht="27" customHeight="1" x14ac:dyDescent="0.15">
      <c r="C1782" s="15"/>
    </row>
    <row r="1783" spans="3:3" ht="27" customHeight="1" x14ac:dyDescent="0.15">
      <c r="C1783" s="15"/>
    </row>
    <row r="1784" spans="3:3" ht="27" customHeight="1" x14ac:dyDescent="0.15">
      <c r="C1784" s="15"/>
    </row>
    <row r="1785" spans="3:3" ht="27" customHeight="1" x14ac:dyDescent="0.15">
      <c r="C1785" s="15"/>
    </row>
    <row r="1786" spans="3:3" ht="27" customHeight="1" x14ac:dyDescent="0.15">
      <c r="C1786" s="15"/>
    </row>
    <row r="1787" spans="3:3" ht="27" customHeight="1" x14ac:dyDescent="0.15">
      <c r="C1787" s="15"/>
    </row>
    <row r="1788" spans="3:3" ht="27" customHeight="1" x14ac:dyDescent="0.15">
      <c r="C1788" s="15"/>
    </row>
    <row r="1789" spans="3:3" ht="27" customHeight="1" x14ac:dyDescent="0.15">
      <c r="C1789" s="15"/>
    </row>
    <row r="1790" spans="3:3" ht="27" customHeight="1" x14ac:dyDescent="0.15">
      <c r="C1790" s="15"/>
    </row>
    <row r="1791" spans="3:3" ht="27" customHeight="1" x14ac:dyDescent="0.15">
      <c r="C1791" s="15"/>
    </row>
    <row r="1792" spans="3:3" ht="27" customHeight="1" x14ac:dyDescent="0.15">
      <c r="C1792" s="15"/>
    </row>
    <row r="1793" spans="3:3" ht="27" customHeight="1" x14ac:dyDescent="0.15">
      <c r="C1793" s="15"/>
    </row>
    <row r="1794" spans="3:3" ht="27" customHeight="1" x14ac:dyDescent="0.15">
      <c r="C1794" s="15"/>
    </row>
    <row r="1795" spans="3:3" ht="27" customHeight="1" x14ac:dyDescent="0.15">
      <c r="C1795" s="15"/>
    </row>
    <row r="1796" spans="3:3" ht="27" customHeight="1" x14ac:dyDescent="0.15">
      <c r="C1796" s="15"/>
    </row>
    <row r="1797" spans="3:3" ht="27" customHeight="1" x14ac:dyDescent="0.15">
      <c r="C1797" s="15"/>
    </row>
    <row r="1798" spans="3:3" ht="27" customHeight="1" x14ac:dyDescent="0.15">
      <c r="C1798" s="15"/>
    </row>
    <row r="1799" spans="3:3" ht="27" customHeight="1" x14ac:dyDescent="0.15">
      <c r="C1799" s="15"/>
    </row>
    <row r="1800" spans="3:3" ht="27" customHeight="1" x14ac:dyDescent="0.15">
      <c r="C1800" s="15"/>
    </row>
    <row r="1801" spans="3:3" ht="27" customHeight="1" x14ac:dyDescent="0.15">
      <c r="C1801" s="15"/>
    </row>
    <row r="1802" spans="3:3" ht="27" customHeight="1" x14ac:dyDescent="0.15">
      <c r="C1802" s="15"/>
    </row>
    <row r="1803" spans="3:3" ht="27" customHeight="1" x14ac:dyDescent="0.15">
      <c r="C1803" s="15"/>
    </row>
    <row r="1804" spans="3:3" ht="27" customHeight="1" x14ac:dyDescent="0.15">
      <c r="C1804" s="15"/>
    </row>
    <row r="1805" spans="3:3" ht="27" customHeight="1" x14ac:dyDescent="0.15">
      <c r="C1805" s="15"/>
    </row>
    <row r="1806" spans="3:3" ht="27" customHeight="1" x14ac:dyDescent="0.15">
      <c r="C1806" s="15"/>
    </row>
    <row r="1807" spans="3:3" ht="27" customHeight="1" x14ac:dyDescent="0.15">
      <c r="C1807" s="15"/>
    </row>
    <row r="1808" spans="3:3" ht="27" customHeight="1" x14ac:dyDescent="0.15">
      <c r="C1808" s="15"/>
    </row>
    <row r="1809" spans="3:3" ht="27" customHeight="1" x14ac:dyDescent="0.15">
      <c r="C1809" s="15"/>
    </row>
    <row r="1810" spans="3:3" ht="27" customHeight="1" x14ac:dyDescent="0.15">
      <c r="C1810" s="15"/>
    </row>
    <row r="1811" spans="3:3" ht="27" customHeight="1" x14ac:dyDescent="0.15">
      <c r="C1811" s="15"/>
    </row>
    <row r="1812" spans="3:3" ht="27" customHeight="1" x14ac:dyDescent="0.15">
      <c r="C1812" s="15"/>
    </row>
    <row r="1813" spans="3:3" ht="27" customHeight="1" x14ac:dyDescent="0.15">
      <c r="C1813" s="15"/>
    </row>
    <row r="1814" spans="3:3" ht="27" customHeight="1" x14ac:dyDescent="0.15">
      <c r="C1814" s="15"/>
    </row>
    <row r="1815" spans="3:3" ht="27" customHeight="1" x14ac:dyDescent="0.15">
      <c r="C1815" s="15"/>
    </row>
    <row r="1816" spans="3:3" ht="27" customHeight="1" x14ac:dyDescent="0.15">
      <c r="C1816" s="15"/>
    </row>
    <row r="1817" spans="3:3" ht="27" customHeight="1" x14ac:dyDescent="0.15">
      <c r="C1817" s="15"/>
    </row>
    <row r="1818" spans="3:3" ht="27" customHeight="1" x14ac:dyDescent="0.15">
      <c r="C1818" s="15"/>
    </row>
    <row r="1819" spans="3:3" ht="27" customHeight="1" x14ac:dyDescent="0.15">
      <c r="C1819" s="15"/>
    </row>
    <row r="1820" spans="3:3" ht="27" customHeight="1" x14ac:dyDescent="0.15">
      <c r="C1820" s="15"/>
    </row>
    <row r="1821" spans="3:3" ht="27" customHeight="1" x14ac:dyDescent="0.15">
      <c r="C1821" s="15"/>
    </row>
    <row r="1822" spans="3:3" ht="27" customHeight="1" x14ac:dyDescent="0.15">
      <c r="C1822" s="15"/>
    </row>
    <row r="1823" spans="3:3" ht="27" customHeight="1" x14ac:dyDescent="0.15">
      <c r="C1823" s="15"/>
    </row>
    <row r="1824" spans="3:3" ht="27" customHeight="1" x14ac:dyDescent="0.15">
      <c r="C1824" s="15"/>
    </row>
    <row r="1825" spans="3:3" ht="27" customHeight="1" x14ac:dyDescent="0.15">
      <c r="C1825" s="15"/>
    </row>
    <row r="1826" spans="3:3" ht="27" customHeight="1" x14ac:dyDescent="0.15">
      <c r="C1826" s="15"/>
    </row>
    <row r="1827" spans="3:3" ht="27" customHeight="1" x14ac:dyDescent="0.15">
      <c r="C1827" s="15"/>
    </row>
    <row r="1828" spans="3:3" ht="27" customHeight="1" x14ac:dyDescent="0.15">
      <c r="C1828" s="15"/>
    </row>
    <row r="1829" spans="3:3" ht="27" customHeight="1" x14ac:dyDescent="0.15">
      <c r="C1829" s="15"/>
    </row>
    <row r="1830" spans="3:3" ht="27" customHeight="1" x14ac:dyDescent="0.15">
      <c r="C1830" s="15"/>
    </row>
    <row r="1831" spans="3:3" ht="27" customHeight="1" x14ac:dyDescent="0.15">
      <c r="C1831" s="15"/>
    </row>
    <row r="1832" spans="3:3" ht="27" customHeight="1" x14ac:dyDescent="0.15">
      <c r="C1832" s="15"/>
    </row>
    <row r="1833" spans="3:3" ht="27" customHeight="1" x14ac:dyDescent="0.15">
      <c r="C1833" s="15"/>
    </row>
    <row r="1834" spans="3:3" ht="27" customHeight="1" x14ac:dyDescent="0.15">
      <c r="C1834" s="15"/>
    </row>
    <row r="1835" spans="3:3" ht="27" customHeight="1" x14ac:dyDescent="0.15"/>
    <row r="1836" spans="3:3" ht="27" customHeight="1" x14ac:dyDescent="0.15"/>
    <row r="1837" spans="3:3" ht="27" customHeight="1" x14ac:dyDescent="0.15"/>
    <row r="1838" spans="3:3" ht="27" customHeight="1" x14ac:dyDescent="0.15"/>
    <row r="1839" spans="3:3" ht="27" customHeight="1" x14ac:dyDescent="0.15"/>
    <row r="1840" spans="3:3" ht="27" customHeight="1" x14ac:dyDescent="0.15"/>
    <row r="1841" ht="27" customHeight="1" x14ac:dyDescent="0.15"/>
    <row r="1842" ht="27" customHeight="1" x14ac:dyDescent="0.15"/>
    <row r="1843" ht="27" customHeight="1" x14ac:dyDescent="0.15"/>
    <row r="1844" ht="27" customHeight="1" x14ac:dyDescent="0.15"/>
    <row r="1845" ht="27" customHeight="1" x14ac:dyDescent="0.15"/>
    <row r="1846" ht="27" customHeight="1" x14ac:dyDescent="0.15"/>
    <row r="1847" ht="27" customHeight="1" x14ac:dyDescent="0.15"/>
    <row r="1848" ht="27" customHeight="1" x14ac:dyDescent="0.15"/>
    <row r="1849" ht="27" customHeight="1" x14ac:dyDescent="0.15"/>
    <row r="1850" ht="27" customHeight="1" x14ac:dyDescent="0.15"/>
    <row r="1851" ht="27" customHeight="1" x14ac:dyDescent="0.15"/>
    <row r="1852" ht="27" customHeight="1" x14ac:dyDescent="0.15"/>
    <row r="1853" ht="27" customHeight="1" x14ac:dyDescent="0.15"/>
    <row r="1854" ht="27" customHeight="1" x14ac:dyDescent="0.15"/>
    <row r="1855" ht="27" customHeight="1" x14ac:dyDescent="0.15"/>
    <row r="1856" ht="27" customHeight="1" x14ac:dyDescent="0.15"/>
    <row r="1857" ht="27" customHeight="1" x14ac:dyDescent="0.15"/>
    <row r="1858" ht="27" customHeight="1" x14ac:dyDescent="0.15"/>
    <row r="1859" ht="27" customHeight="1" x14ac:dyDescent="0.15"/>
    <row r="1860" ht="27" customHeight="1" x14ac:dyDescent="0.15"/>
    <row r="1861" ht="27" customHeight="1" x14ac:dyDescent="0.15"/>
    <row r="1862" ht="27" customHeight="1" x14ac:dyDescent="0.15"/>
    <row r="1863" ht="27" customHeight="1" x14ac:dyDescent="0.15"/>
    <row r="1864" ht="27" customHeight="1" x14ac:dyDescent="0.15"/>
    <row r="1865" ht="27" customHeight="1" x14ac:dyDescent="0.15"/>
    <row r="1866" ht="27" customHeight="1" x14ac:dyDescent="0.15"/>
    <row r="1867" ht="27" customHeight="1" x14ac:dyDescent="0.15"/>
    <row r="1868" ht="27" customHeight="1" x14ac:dyDescent="0.15"/>
    <row r="1869" ht="27" customHeight="1" x14ac:dyDescent="0.15"/>
    <row r="1870" ht="27" customHeight="1" x14ac:dyDescent="0.15"/>
    <row r="1871" ht="27" customHeight="1" x14ac:dyDescent="0.15"/>
    <row r="1872" ht="27" customHeight="1" x14ac:dyDescent="0.15"/>
    <row r="1873" ht="27" customHeight="1" x14ac:dyDescent="0.15"/>
    <row r="1874" ht="27" customHeight="1" x14ac:dyDescent="0.15"/>
    <row r="1875" ht="27" customHeight="1" x14ac:dyDescent="0.15"/>
    <row r="1876" ht="27" customHeight="1" x14ac:dyDescent="0.15"/>
    <row r="1877" ht="27" customHeight="1" x14ac:dyDescent="0.15"/>
    <row r="1878" ht="27" customHeight="1" x14ac:dyDescent="0.15"/>
    <row r="1879" ht="27" customHeight="1" x14ac:dyDescent="0.15"/>
    <row r="1880" ht="27" customHeight="1" x14ac:dyDescent="0.15"/>
    <row r="1881" ht="27" customHeight="1" x14ac:dyDescent="0.15"/>
    <row r="1882" ht="27" customHeight="1" x14ac:dyDescent="0.15"/>
    <row r="1883" ht="27" customHeight="1" x14ac:dyDescent="0.15"/>
    <row r="1884" ht="27" customHeight="1" x14ac:dyDescent="0.15"/>
    <row r="1885" ht="27" customHeight="1" x14ac:dyDescent="0.15"/>
    <row r="1886" ht="27" customHeight="1" x14ac:dyDescent="0.15"/>
    <row r="1887" ht="27" customHeight="1" x14ac:dyDescent="0.15"/>
    <row r="1888" ht="27" customHeight="1" x14ac:dyDescent="0.15"/>
    <row r="1889" ht="27" customHeight="1" x14ac:dyDescent="0.15"/>
    <row r="1890" ht="27" customHeight="1" x14ac:dyDescent="0.15"/>
    <row r="1891" ht="27" customHeight="1" x14ac:dyDescent="0.15"/>
    <row r="1892" ht="27" customHeight="1" x14ac:dyDescent="0.15"/>
    <row r="1893" ht="27" customHeight="1" x14ac:dyDescent="0.15"/>
    <row r="1894" ht="27" customHeight="1" x14ac:dyDescent="0.15"/>
    <row r="1895" ht="27" customHeight="1" x14ac:dyDescent="0.15"/>
    <row r="1896" ht="27" customHeight="1" x14ac:dyDescent="0.15"/>
    <row r="1897" ht="27" customHeight="1" x14ac:dyDescent="0.15"/>
    <row r="1898" ht="27" customHeight="1" x14ac:dyDescent="0.15"/>
    <row r="1899" ht="27" customHeight="1" x14ac:dyDescent="0.15"/>
    <row r="1900" ht="27" customHeight="1" x14ac:dyDescent="0.15"/>
    <row r="1901" ht="27" customHeight="1" x14ac:dyDescent="0.15"/>
    <row r="1902" ht="27" customHeight="1" x14ac:dyDescent="0.15"/>
    <row r="1903" ht="27" customHeight="1" x14ac:dyDescent="0.15"/>
    <row r="1904" ht="27" customHeight="1" x14ac:dyDescent="0.15"/>
    <row r="1905" ht="27" customHeight="1" x14ac:dyDescent="0.15"/>
    <row r="1906" ht="27" customHeight="1" x14ac:dyDescent="0.15"/>
    <row r="1907" ht="27" customHeight="1" x14ac:dyDescent="0.15"/>
    <row r="1908" ht="27" customHeight="1" x14ac:dyDescent="0.15"/>
    <row r="1909" ht="27" customHeight="1" x14ac:dyDescent="0.15"/>
    <row r="1910" ht="27" customHeight="1" x14ac:dyDescent="0.15"/>
    <row r="1911" ht="27" customHeight="1" x14ac:dyDescent="0.15"/>
    <row r="1912" ht="27" customHeight="1" x14ac:dyDescent="0.15"/>
    <row r="1913" ht="27" customHeight="1" x14ac:dyDescent="0.15"/>
    <row r="1914" ht="27" customHeight="1" x14ac:dyDescent="0.15"/>
    <row r="1915" ht="27" customHeight="1" x14ac:dyDescent="0.15"/>
    <row r="1916" ht="27" customHeight="1" x14ac:dyDescent="0.15"/>
    <row r="1917" ht="27" customHeight="1" x14ac:dyDescent="0.15"/>
    <row r="1918" ht="27" customHeight="1" x14ac:dyDescent="0.15"/>
    <row r="1919" ht="27" customHeight="1" x14ac:dyDescent="0.15"/>
    <row r="1920" ht="27" customHeight="1" x14ac:dyDescent="0.15"/>
    <row r="1921" ht="27" customHeight="1" x14ac:dyDescent="0.15"/>
    <row r="1922" ht="27" customHeight="1" x14ac:dyDescent="0.15"/>
    <row r="1923" ht="27" customHeight="1" x14ac:dyDescent="0.15"/>
    <row r="1924" ht="27" customHeight="1" x14ac:dyDescent="0.15"/>
    <row r="1925" ht="27" customHeight="1" x14ac:dyDescent="0.15"/>
    <row r="1926" ht="27" customHeight="1" x14ac:dyDescent="0.15"/>
    <row r="1927" ht="27" customHeight="1" x14ac:dyDescent="0.15"/>
    <row r="1928" ht="27" customHeight="1" x14ac:dyDescent="0.15"/>
    <row r="1929" ht="27" customHeight="1" x14ac:dyDescent="0.15"/>
    <row r="1930" ht="27" customHeight="1" x14ac:dyDescent="0.15"/>
    <row r="1931" ht="27" customHeight="1" x14ac:dyDescent="0.15"/>
    <row r="1932" ht="27" customHeight="1" x14ac:dyDescent="0.15"/>
    <row r="1933" ht="27" customHeight="1" x14ac:dyDescent="0.15"/>
    <row r="1934" ht="27" customHeight="1" x14ac:dyDescent="0.15"/>
    <row r="1935" ht="27" customHeight="1" x14ac:dyDescent="0.15"/>
    <row r="1936" ht="27" customHeight="1" x14ac:dyDescent="0.15"/>
    <row r="1937" ht="27" customHeight="1" x14ac:dyDescent="0.15"/>
    <row r="1938" ht="27" customHeight="1" x14ac:dyDescent="0.15"/>
    <row r="1939" ht="27" customHeight="1" x14ac:dyDescent="0.15"/>
    <row r="1940" ht="27" customHeight="1" x14ac:dyDescent="0.15"/>
    <row r="1941" ht="27" customHeight="1" x14ac:dyDescent="0.15"/>
    <row r="1942" ht="27" customHeight="1" x14ac:dyDescent="0.15"/>
    <row r="1943" ht="27" customHeight="1" x14ac:dyDescent="0.15"/>
    <row r="1944" ht="27" customHeight="1" x14ac:dyDescent="0.15"/>
    <row r="1945" ht="27" customHeight="1" x14ac:dyDescent="0.15"/>
    <row r="1946" ht="27" customHeight="1" x14ac:dyDescent="0.15"/>
    <row r="1947" ht="27" customHeight="1" x14ac:dyDescent="0.15"/>
    <row r="1948" ht="27" customHeight="1" x14ac:dyDescent="0.15"/>
    <row r="1949" ht="27" customHeight="1" x14ac:dyDescent="0.15"/>
    <row r="1950" ht="27" customHeight="1" x14ac:dyDescent="0.15"/>
    <row r="1951" ht="27" customHeight="1" x14ac:dyDescent="0.15"/>
    <row r="1952" ht="27" customHeight="1" x14ac:dyDescent="0.15"/>
    <row r="1953" ht="27" customHeight="1" x14ac:dyDescent="0.15"/>
    <row r="1954" ht="27" customHeight="1" x14ac:dyDescent="0.15"/>
    <row r="1955" ht="27" customHeight="1" x14ac:dyDescent="0.15"/>
    <row r="1956" ht="27" customHeight="1" x14ac:dyDescent="0.15"/>
    <row r="1957" ht="27" customHeight="1" x14ac:dyDescent="0.15"/>
    <row r="1958" ht="27" customHeight="1" x14ac:dyDescent="0.15"/>
    <row r="1959" ht="27" customHeight="1" x14ac:dyDescent="0.15"/>
    <row r="1960" ht="27" customHeight="1" x14ac:dyDescent="0.15"/>
    <row r="1961" ht="27" customHeight="1" x14ac:dyDescent="0.15"/>
    <row r="1962" ht="27" customHeight="1" x14ac:dyDescent="0.15"/>
    <row r="1963" ht="27" customHeight="1" x14ac:dyDescent="0.15"/>
    <row r="1964" ht="27" customHeight="1" x14ac:dyDescent="0.15"/>
    <row r="1965" ht="27" customHeight="1" x14ac:dyDescent="0.15"/>
    <row r="1966" ht="27" customHeight="1" x14ac:dyDescent="0.15"/>
    <row r="1967" ht="27" customHeight="1" x14ac:dyDescent="0.15"/>
    <row r="1968" ht="27" customHeight="1" x14ac:dyDescent="0.15"/>
    <row r="1969" ht="27" customHeight="1" x14ac:dyDescent="0.15"/>
    <row r="1970" ht="27" customHeight="1" x14ac:dyDescent="0.15"/>
    <row r="1971" ht="27" customHeight="1" x14ac:dyDescent="0.15"/>
    <row r="1972" ht="27" customHeight="1" x14ac:dyDescent="0.15"/>
    <row r="1973" ht="27" customHeight="1" x14ac:dyDescent="0.15"/>
    <row r="1974" ht="27" customHeight="1" x14ac:dyDescent="0.15"/>
    <row r="1975" ht="27" customHeight="1" x14ac:dyDescent="0.15"/>
    <row r="1976" ht="27" customHeight="1" x14ac:dyDescent="0.15"/>
    <row r="1977" ht="27" customHeight="1" x14ac:dyDescent="0.15"/>
    <row r="1978" ht="27" customHeight="1" x14ac:dyDescent="0.15"/>
    <row r="1979" ht="27" customHeight="1" x14ac:dyDescent="0.15"/>
    <row r="1980" ht="27" customHeight="1" x14ac:dyDescent="0.15"/>
    <row r="1981" ht="27" customHeight="1" x14ac:dyDescent="0.15"/>
    <row r="1982" ht="27" customHeight="1" x14ac:dyDescent="0.15"/>
    <row r="1983" ht="27" customHeight="1" x14ac:dyDescent="0.15"/>
    <row r="1984" ht="27" customHeight="1" x14ac:dyDescent="0.15"/>
    <row r="1985" ht="27" customHeight="1" x14ac:dyDescent="0.15"/>
    <row r="1986" ht="27" customHeight="1" x14ac:dyDescent="0.15"/>
    <row r="1987" ht="27" customHeight="1" x14ac:dyDescent="0.15"/>
    <row r="1988" ht="27" customHeight="1" x14ac:dyDescent="0.15"/>
    <row r="1989" ht="27" customHeight="1" x14ac:dyDescent="0.15"/>
    <row r="1990" ht="27" customHeight="1" x14ac:dyDescent="0.15"/>
    <row r="1991" ht="27" customHeight="1" x14ac:dyDescent="0.15"/>
    <row r="1992" ht="27" customHeight="1" x14ac:dyDescent="0.15"/>
    <row r="1993" ht="27" customHeight="1" x14ac:dyDescent="0.15"/>
    <row r="1994" ht="27" customHeight="1" x14ac:dyDescent="0.15"/>
    <row r="1995" ht="27" customHeight="1" x14ac:dyDescent="0.15"/>
    <row r="1996" ht="27" customHeight="1" x14ac:dyDescent="0.15"/>
    <row r="1997" ht="27" customHeight="1" x14ac:dyDescent="0.15"/>
    <row r="1998" ht="27" customHeight="1" x14ac:dyDescent="0.15"/>
    <row r="1999" ht="27" customHeight="1" x14ac:dyDescent="0.15"/>
    <row r="2000" ht="27" customHeight="1" x14ac:dyDescent="0.15"/>
    <row r="2001" ht="27" customHeight="1" x14ac:dyDescent="0.15"/>
    <row r="2002" ht="27" customHeight="1" x14ac:dyDescent="0.15"/>
    <row r="2003" ht="27" customHeight="1" x14ac:dyDescent="0.15"/>
    <row r="2004" ht="27" customHeight="1" x14ac:dyDescent="0.15"/>
    <row r="2005" ht="27" customHeight="1" x14ac:dyDescent="0.15"/>
    <row r="2006" ht="27" customHeight="1" x14ac:dyDescent="0.15"/>
    <row r="2007" ht="27" customHeight="1" x14ac:dyDescent="0.15"/>
    <row r="2008" ht="27" customHeight="1" x14ac:dyDescent="0.15"/>
    <row r="2009" ht="27" customHeight="1" x14ac:dyDescent="0.15"/>
    <row r="2010" ht="27" customHeight="1" x14ac:dyDescent="0.15"/>
    <row r="2011" ht="27" customHeight="1" x14ac:dyDescent="0.15"/>
    <row r="2012" ht="27" customHeight="1" x14ac:dyDescent="0.15"/>
    <row r="2013" ht="27" customHeight="1" x14ac:dyDescent="0.15"/>
    <row r="2014" ht="27" customHeight="1" x14ac:dyDescent="0.15"/>
    <row r="2015" ht="27" customHeight="1" x14ac:dyDescent="0.15"/>
    <row r="2016" ht="27" customHeight="1" x14ac:dyDescent="0.15"/>
    <row r="2017" ht="27" customHeight="1" x14ac:dyDescent="0.15"/>
    <row r="2018" ht="27" customHeight="1" x14ac:dyDescent="0.15"/>
    <row r="2019" ht="27" customHeight="1" x14ac:dyDescent="0.15"/>
    <row r="2020" ht="27" customHeight="1" x14ac:dyDescent="0.15"/>
    <row r="2021" ht="27" customHeight="1" x14ac:dyDescent="0.15"/>
    <row r="2022" ht="27" customHeight="1" x14ac:dyDescent="0.15"/>
    <row r="2023" ht="27" customHeight="1" x14ac:dyDescent="0.15"/>
    <row r="2024" ht="27" customHeight="1" x14ac:dyDescent="0.15"/>
    <row r="2025" ht="27" customHeight="1" x14ac:dyDescent="0.15"/>
    <row r="2026" ht="27" customHeight="1" x14ac:dyDescent="0.15"/>
    <row r="2027" ht="27" customHeight="1" x14ac:dyDescent="0.15"/>
    <row r="2028" ht="27" customHeight="1" x14ac:dyDescent="0.15"/>
    <row r="2029" ht="27" customHeight="1" x14ac:dyDescent="0.15"/>
    <row r="2030" ht="27" customHeight="1" x14ac:dyDescent="0.15"/>
    <row r="2031" ht="27" customHeight="1" x14ac:dyDescent="0.15"/>
    <row r="2032" ht="27" customHeight="1" x14ac:dyDescent="0.15"/>
    <row r="2033" ht="27" customHeight="1" x14ac:dyDescent="0.15"/>
    <row r="2034" ht="27" customHeight="1" x14ac:dyDescent="0.15"/>
    <row r="2035" ht="27" customHeight="1" x14ac:dyDescent="0.15"/>
    <row r="2036" ht="27" customHeight="1" x14ac:dyDescent="0.15"/>
    <row r="2037" ht="27" customHeight="1" x14ac:dyDescent="0.15"/>
    <row r="2038" ht="27" customHeight="1" x14ac:dyDescent="0.15"/>
    <row r="2039" ht="27" customHeight="1" x14ac:dyDescent="0.15"/>
    <row r="2040" ht="27" customHeight="1" x14ac:dyDescent="0.15"/>
    <row r="2041" ht="27" customHeight="1" x14ac:dyDescent="0.15"/>
    <row r="2042" ht="27" customHeight="1" x14ac:dyDescent="0.15"/>
    <row r="2043" ht="27" customHeight="1" x14ac:dyDescent="0.15"/>
    <row r="2044" ht="27" customHeight="1" x14ac:dyDescent="0.15"/>
    <row r="2045" ht="27" customHeight="1" x14ac:dyDescent="0.15"/>
    <row r="2046" ht="27" customHeight="1" x14ac:dyDescent="0.15"/>
    <row r="2047" ht="27" customHeight="1" x14ac:dyDescent="0.15"/>
    <row r="2048" ht="27" customHeight="1" x14ac:dyDescent="0.15"/>
    <row r="2049" ht="27" customHeight="1" x14ac:dyDescent="0.15"/>
    <row r="2050" ht="27" customHeight="1" x14ac:dyDescent="0.15"/>
    <row r="2051" ht="27" customHeight="1" x14ac:dyDescent="0.15"/>
    <row r="2052" ht="27" customHeight="1" x14ac:dyDescent="0.15"/>
    <row r="2053" ht="27" customHeight="1" x14ac:dyDescent="0.15"/>
    <row r="2054" ht="27" customHeight="1" x14ac:dyDescent="0.15"/>
    <row r="2055" ht="27" customHeight="1" x14ac:dyDescent="0.15"/>
    <row r="2056" ht="27" customHeight="1" x14ac:dyDescent="0.15"/>
    <row r="2057" ht="27" customHeight="1" x14ac:dyDescent="0.15"/>
    <row r="2058" ht="27" customHeight="1" x14ac:dyDescent="0.15"/>
    <row r="2059" ht="27" customHeight="1" x14ac:dyDescent="0.15"/>
    <row r="2060" ht="27" customHeight="1" x14ac:dyDescent="0.15"/>
    <row r="2061" ht="27" customHeight="1" x14ac:dyDescent="0.15"/>
    <row r="2062" ht="27" customHeight="1" x14ac:dyDescent="0.15"/>
    <row r="2063" ht="27" customHeight="1" x14ac:dyDescent="0.15"/>
    <row r="2064" ht="27" customHeight="1" x14ac:dyDescent="0.15"/>
    <row r="2065" ht="27" customHeight="1" x14ac:dyDescent="0.15"/>
    <row r="2066" ht="27" customHeight="1" x14ac:dyDescent="0.15"/>
    <row r="2067" ht="27" customHeight="1" x14ac:dyDescent="0.15"/>
    <row r="2068" ht="27" customHeight="1" x14ac:dyDescent="0.15"/>
    <row r="2069" ht="27" customHeight="1" x14ac:dyDescent="0.15"/>
    <row r="2070" ht="27" customHeight="1" x14ac:dyDescent="0.15"/>
    <row r="2071" ht="27" customHeight="1" x14ac:dyDescent="0.15"/>
    <row r="2072" ht="27" customHeight="1" x14ac:dyDescent="0.15"/>
    <row r="2073" ht="27" customHeight="1" x14ac:dyDescent="0.15"/>
    <row r="2074" ht="27" customHeight="1" x14ac:dyDescent="0.15"/>
    <row r="2075" ht="27" customHeight="1" x14ac:dyDescent="0.15"/>
    <row r="2076" ht="27" customHeight="1" x14ac:dyDescent="0.15"/>
    <row r="2077" ht="27" customHeight="1" x14ac:dyDescent="0.15"/>
    <row r="2078" ht="27" customHeight="1" x14ac:dyDescent="0.15"/>
    <row r="2079" ht="27" customHeight="1" x14ac:dyDescent="0.15"/>
    <row r="2080" ht="27" customHeight="1" x14ac:dyDescent="0.15"/>
    <row r="2081" ht="27" customHeight="1" x14ac:dyDescent="0.15"/>
    <row r="2082" ht="27" customHeight="1" x14ac:dyDescent="0.15"/>
    <row r="2083" ht="27" customHeight="1" x14ac:dyDescent="0.15"/>
    <row r="2084" ht="27" customHeight="1" x14ac:dyDescent="0.15"/>
    <row r="2085" ht="27" customHeight="1" x14ac:dyDescent="0.15"/>
    <row r="2086" ht="27" customHeight="1" x14ac:dyDescent="0.15"/>
    <row r="2087" ht="27" customHeight="1" x14ac:dyDescent="0.15"/>
    <row r="2088" ht="27" customHeight="1" x14ac:dyDescent="0.15"/>
    <row r="2089" ht="27" customHeight="1" x14ac:dyDescent="0.15"/>
    <row r="2090" ht="27" customHeight="1" x14ac:dyDescent="0.15"/>
    <row r="2091" ht="27" customHeight="1" x14ac:dyDescent="0.15"/>
    <row r="2092" ht="27" customHeight="1" x14ac:dyDescent="0.15"/>
    <row r="2093" ht="27" customHeight="1" x14ac:dyDescent="0.15"/>
    <row r="2094" ht="27" customHeight="1" x14ac:dyDescent="0.15"/>
    <row r="2095" ht="27" customHeight="1" x14ac:dyDescent="0.15"/>
    <row r="2096" ht="27" customHeight="1" x14ac:dyDescent="0.15"/>
    <row r="2097" ht="27" customHeight="1" x14ac:dyDescent="0.15"/>
    <row r="2098" ht="27" customHeight="1" x14ac:dyDescent="0.15"/>
    <row r="2099" ht="27" customHeight="1" x14ac:dyDescent="0.15"/>
    <row r="2100" ht="27" customHeight="1" x14ac:dyDescent="0.15"/>
    <row r="2101" ht="27" customHeight="1" x14ac:dyDescent="0.15"/>
    <row r="2102" ht="27" customHeight="1" x14ac:dyDescent="0.15"/>
    <row r="2103" ht="27" customHeight="1" x14ac:dyDescent="0.15"/>
    <row r="2104" ht="27" customHeight="1" x14ac:dyDescent="0.15"/>
    <row r="2105" ht="27" customHeight="1" x14ac:dyDescent="0.15"/>
    <row r="2106" ht="27" customHeight="1" x14ac:dyDescent="0.15"/>
    <row r="2107" ht="27" customHeight="1" x14ac:dyDescent="0.15"/>
    <row r="2108" ht="27" customHeight="1" x14ac:dyDescent="0.15"/>
    <row r="2109" ht="27" customHeight="1" x14ac:dyDescent="0.15"/>
    <row r="2110" ht="27" customHeight="1" x14ac:dyDescent="0.15"/>
    <row r="2111" ht="27" customHeight="1" x14ac:dyDescent="0.15"/>
    <row r="2112" ht="27" customHeight="1" x14ac:dyDescent="0.15"/>
    <row r="2113" ht="27" customHeight="1" x14ac:dyDescent="0.15"/>
    <row r="2114" ht="27" customHeight="1" x14ac:dyDescent="0.15"/>
    <row r="2115" ht="27" customHeight="1" x14ac:dyDescent="0.15"/>
    <row r="2116" ht="27" customHeight="1" x14ac:dyDescent="0.15"/>
    <row r="2117" ht="27" customHeight="1" x14ac:dyDescent="0.15"/>
    <row r="2118" ht="27" customHeight="1" x14ac:dyDescent="0.15"/>
    <row r="2119" ht="27" customHeight="1" x14ac:dyDescent="0.15"/>
    <row r="2120" ht="27" customHeight="1" x14ac:dyDescent="0.15"/>
    <row r="2121" ht="27" customHeight="1" x14ac:dyDescent="0.15"/>
    <row r="2122" ht="27" customHeight="1" x14ac:dyDescent="0.15"/>
    <row r="2123" ht="27" customHeight="1" x14ac:dyDescent="0.15"/>
    <row r="2124" ht="27" customHeight="1" x14ac:dyDescent="0.15"/>
    <row r="2125" ht="27" customHeight="1" x14ac:dyDescent="0.15"/>
    <row r="2126" ht="27" customHeight="1" x14ac:dyDescent="0.15"/>
    <row r="2127" ht="27" customHeight="1" x14ac:dyDescent="0.15"/>
    <row r="2128" ht="27" customHeight="1" x14ac:dyDescent="0.15"/>
    <row r="2129" ht="27" customHeight="1" x14ac:dyDescent="0.15"/>
    <row r="2130" ht="27" customHeight="1" x14ac:dyDescent="0.15"/>
    <row r="2131" ht="27" customHeight="1" x14ac:dyDescent="0.15"/>
    <row r="2132" ht="27" customHeight="1" x14ac:dyDescent="0.15"/>
    <row r="2133" ht="27" customHeight="1" x14ac:dyDescent="0.15"/>
    <row r="2134" ht="27" customHeight="1" x14ac:dyDescent="0.15"/>
    <row r="2135" ht="27" customHeight="1" x14ac:dyDescent="0.15"/>
    <row r="2136" ht="27" customHeight="1" x14ac:dyDescent="0.15"/>
    <row r="2137" ht="27" customHeight="1" x14ac:dyDescent="0.15"/>
    <row r="2138" ht="27" customHeight="1" x14ac:dyDescent="0.15"/>
    <row r="2139" ht="27" customHeight="1" x14ac:dyDescent="0.15"/>
    <row r="2140" ht="27" customHeight="1" x14ac:dyDescent="0.15"/>
    <row r="2141" ht="27" customHeight="1" x14ac:dyDescent="0.15"/>
    <row r="2142" ht="27" customHeight="1" x14ac:dyDescent="0.15"/>
    <row r="2143" ht="27" customHeight="1" x14ac:dyDescent="0.15"/>
    <row r="2144" ht="27" customHeight="1" x14ac:dyDescent="0.15"/>
    <row r="2145" ht="27" customHeight="1" x14ac:dyDescent="0.15"/>
    <row r="2146" ht="27" customHeight="1" x14ac:dyDescent="0.15"/>
    <row r="2147" ht="27" customHeight="1" x14ac:dyDescent="0.15"/>
    <row r="2148" ht="27" customHeight="1" x14ac:dyDescent="0.15"/>
    <row r="2149" ht="27" customHeight="1" x14ac:dyDescent="0.15"/>
    <row r="2150" ht="27" customHeight="1" x14ac:dyDescent="0.15"/>
    <row r="2151" ht="27" customHeight="1" x14ac:dyDescent="0.15"/>
    <row r="2152" ht="27" customHeight="1" x14ac:dyDescent="0.15"/>
    <row r="2153" ht="27" customHeight="1" x14ac:dyDescent="0.15"/>
    <row r="2154" ht="27" customHeight="1" x14ac:dyDescent="0.15"/>
    <row r="2155" ht="27" customHeight="1" x14ac:dyDescent="0.15"/>
    <row r="2156" ht="27" customHeight="1" x14ac:dyDescent="0.15"/>
    <row r="2157" ht="27" customHeight="1" x14ac:dyDescent="0.15"/>
    <row r="2158" ht="27" customHeight="1" x14ac:dyDescent="0.15"/>
    <row r="2159" ht="27" customHeight="1" x14ac:dyDescent="0.15"/>
    <row r="2160" ht="27" customHeight="1" x14ac:dyDescent="0.15"/>
    <row r="2161" ht="27" customHeight="1" x14ac:dyDescent="0.15"/>
    <row r="2162" ht="27" customHeight="1" x14ac:dyDescent="0.15"/>
    <row r="2163" ht="27" customHeight="1" x14ac:dyDescent="0.15"/>
    <row r="2164" ht="27" customHeight="1" x14ac:dyDescent="0.15"/>
    <row r="2165" ht="27" customHeight="1" x14ac:dyDescent="0.15"/>
    <row r="2166" ht="27" customHeight="1" x14ac:dyDescent="0.15"/>
    <row r="2167" ht="27" customHeight="1" x14ac:dyDescent="0.15"/>
    <row r="2168" ht="27" customHeight="1" x14ac:dyDescent="0.15"/>
    <row r="2169" ht="27" customHeight="1" x14ac:dyDescent="0.15"/>
    <row r="2170" ht="27" customHeight="1" x14ac:dyDescent="0.15"/>
    <row r="2171" ht="27" customHeight="1" x14ac:dyDescent="0.15"/>
    <row r="2172" ht="27" customHeight="1" x14ac:dyDescent="0.15"/>
    <row r="2173" ht="27" customHeight="1" x14ac:dyDescent="0.15"/>
    <row r="2174" ht="27" customHeight="1" x14ac:dyDescent="0.15"/>
    <row r="2175" ht="27" customHeight="1" x14ac:dyDescent="0.15"/>
    <row r="2176" ht="27" customHeight="1" x14ac:dyDescent="0.15"/>
    <row r="2177" ht="27" customHeight="1" x14ac:dyDescent="0.15"/>
    <row r="2178" ht="27" customHeight="1" x14ac:dyDescent="0.15"/>
    <row r="2179" ht="27" customHeight="1" x14ac:dyDescent="0.15"/>
    <row r="2180" ht="27" customHeight="1" x14ac:dyDescent="0.15"/>
    <row r="2181" ht="27" customHeight="1" x14ac:dyDescent="0.15"/>
    <row r="2182" ht="27" customHeight="1" x14ac:dyDescent="0.15"/>
    <row r="2183" ht="27" customHeight="1" x14ac:dyDescent="0.15"/>
    <row r="2184" ht="27" customHeight="1" x14ac:dyDescent="0.15"/>
    <row r="2185" ht="27" customHeight="1" x14ac:dyDescent="0.15"/>
    <row r="2186" ht="27" customHeight="1" x14ac:dyDescent="0.15"/>
    <row r="2187" ht="27" customHeight="1" x14ac:dyDescent="0.15"/>
    <row r="2188" ht="27" customHeight="1" x14ac:dyDescent="0.15"/>
    <row r="2189" ht="27" customHeight="1" x14ac:dyDescent="0.15"/>
    <row r="2190" ht="27" customHeight="1" x14ac:dyDescent="0.15"/>
    <row r="2191" ht="27" customHeight="1" x14ac:dyDescent="0.15"/>
    <row r="2192" ht="27" customHeight="1" x14ac:dyDescent="0.15"/>
    <row r="2193" ht="27" customHeight="1" x14ac:dyDescent="0.15"/>
    <row r="2194" ht="27" customHeight="1" x14ac:dyDescent="0.15"/>
    <row r="2195" ht="27" customHeight="1" x14ac:dyDescent="0.15"/>
    <row r="2196" ht="27" customHeight="1" x14ac:dyDescent="0.15"/>
    <row r="2197" ht="27" customHeight="1" x14ac:dyDescent="0.15"/>
    <row r="2198" ht="27" customHeight="1" x14ac:dyDescent="0.15"/>
    <row r="2199" ht="27" customHeight="1" x14ac:dyDescent="0.15"/>
    <row r="2200" ht="27" customHeight="1" x14ac:dyDescent="0.15"/>
    <row r="2201" ht="27" customHeight="1" x14ac:dyDescent="0.15"/>
    <row r="2202" ht="27" customHeight="1" x14ac:dyDescent="0.15"/>
    <row r="2203" ht="27" customHeight="1" x14ac:dyDescent="0.15"/>
    <row r="2204" ht="27" customHeight="1" x14ac:dyDescent="0.15"/>
    <row r="2205" ht="27" customHeight="1" x14ac:dyDescent="0.15"/>
    <row r="2206" ht="27" customHeight="1" x14ac:dyDescent="0.15"/>
    <row r="2207" ht="27" customHeight="1" x14ac:dyDescent="0.15"/>
    <row r="2208" ht="27" customHeight="1" x14ac:dyDescent="0.15"/>
    <row r="2209" ht="27" customHeight="1" x14ac:dyDescent="0.15"/>
    <row r="2210" ht="27" customHeight="1" x14ac:dyDescent="0.15"/>
    <row r="2211" ht="27" customHeight="1" x14ac:dyDescent="0.15"/>
    <row r="2212" ht="27" customHeight="1" x14ac:dyDescent="0.15"/>
    <row r="2213" ht="27" customHeight="1" x14ac:dyDescent="0.15"/>
    <row r="2214" ht="27" customHeight="1" x14ac:dyDescent="0.15"/>
    <row r="2215" ht="27" customHeight="1" x14ac:dyDescent="0.15"/>
    <row r="2216" ht="27" customHeight="1" x14ac:dyDescent="0.15"/>
    <row r="2217" ht="27" customHeight="1" x14ac:dyDescent="0.15"/>
    <row r="2218" ht="27" customHeight="1" x14ac:dyDescent="0.15"/>
    <row r="2219" ht="27" customHeight="1" x14ac:dyDescent="0.15"/>
    <row r="2220" ht="27" customHeight="1" x14ac:dyDescent="0.15"/>
    <row r="2221" ht="27" customHeight="1" x14ac:dyDescent="0.15"/>
    <row r="2222" ht="27" customHeight="1" x14ac:dyDescent="0.15"/>
    <row r="2223" ht="27" customHeight="1" x14ac:dyDescent="0.15"/>
    <row r="2224" ht="27" customHeight="1" x14ac:dyDescent="0.15"/>
    <row r="2225" ht="27" customHeight="1" x14ac:dyDescent="0.15"/>
    <row r="2226" ht="27" customHeight="1" x14ac:dyDescent="0.15"/>
    <row r="2227" ht="27" customHeight="1" x14ac:dyDescent="0.15"/>
    <row r="2228" ht="27" customHeight="1" x14ac:dyDescent="0.15"/>
    <row r="2229" ht="27" customHeight="1" x14ac:dyDescent="0.15"/>
    <row r="2230" ht="27" customHeight="1" x14ac:dyDescent="0.15"/>
    <row r="2231" ht="27" customHeight="1" x14ac:dyDescent="0.15"/>
    <row r="2232" ht="27" customHeight="1" x14ac:dyDescent="0.15"/>
    <row r="2233" ht="27" customHeight="1" x14ac:dyDescent="0.15"/>
    <row r="2234" ht="27" customHeight="1" x14ac:dyDescent="0.15"/>
    <row r="2235" ht="27" customHeight="1" x14ac:dyDescent="0.15"/>
    <row r="2236" ht="27" customHeight="1" x14ac:dyDescent="0.15"/>
    <row r="2237" ht="27" customHeight="1" x14ac:dyDescent="0.15"/>
    <row r="2238" ht="27" customHeight="1" x14ac:dyDescent="0.15"/>
    <row r="2239" ht="27" customHeight="1" x14ac:dyDescent="0.15"/>
    <row r="2240" ht="27" customHeight="1" x14ac:dyDescent="0.15"/>
    <row r="2241" ht="27" customHeight="1" x14ac:dyDescent="0.15"/>
    <row r="2242" ht="27" customHeight="1" x14ac:dyDescent="0.15"/>
    <row r="2243" ht="27" customHeight="1" x14ac:dyDescent="0.15"/>
    <row r="2244" ht="27" customHeight="1" x14ac:dyDescent="0.15"/>
    <row r="2245" ht="27" customHeight="1" x14ac:dyDescent="0.15"/>
    <row r="2246" ht="27" customHeight="1" x14ac:dyDescent="0.15"/>
    <row r="2247" ht="27" customHeight="1" x14ac:dyDescent="0.15"/>
    <row r="2248" ht="27" customHeight="1" x14ac:dyDescent="0.15"/>
    <row r="2249" ht="27" customHeight="1" x14ac:dyDescent="0.15"/>
    <row r="2250" ht="27" customHeight="1" x14ac:dyDescent="0.15"/>
    <row r="2251" ht="27" customHeight="1" x14ac:dyDescent="0.15"/>
    <row r="2252" ht="27" customHeight="1" x14ac:dyDescent="0.15"/>
    <row r="2253" ht="27" customHeight="1" x14ac:dyDescent="0.15"/>
    <row r="2254" ht="27" customHeight="1" x14ac:dyDescent="0.15"/>
    <row r="2255" ht="27" customHeight="1" x14ac:dyDescent="0.15"/>
    <row r="2256" ht="27" customHeight="1" x14ac:dyDescent="0.15"/>
    <row r="2257" ht="27" customHeight="1" x14ac:dyDescent="0.15"/>
    <row r="2258" ht="27" customHeight="1" x14ac:dyDescent="0.15"/>
    <row r="2259" ht="27" customHeight="1" x14ac:dyDescent="0.15"/>
    <row r="2260" ht="27" customHeight="1" x14ac:dyDescent="0.15"/>
    <row r="2261" ht="27" customHeight="1" x14ac:dyDescent="0.15"/>
    <row r="2262" ht="27" customHeight="1" x14ac:dyDescent="0.15"/>
    <row r="2263" ht="27" customHeight="1" x14ac:dyDescent="0.15"/>
    <row r="2264" ht="27" customHeight="1" x14ac:dyDescent="0.15"/>
    <row r="2265" ht="27" customHeight="1" x14ac:dyDescent="0.15"/>
    <row r="2266" ht="27" customHeight="1" x14ac:dyDescent="0.15"/>
    <row r="2267" ht="27" customHeight="1" x14ac:dyDescent="0.15"/>
    <row r="2268" ht="27" customHeight="1" x14ac:dyDescent="0.15"/>
    <row r="2269" ht="27" customHeight="1" x14ac:dyDescent="0.15"/>
    <row r="2270" ht="27" customHeight="1" x14ac:dyDescent="0.15"/>
    <row r="2271" ht="27" customHeight="1" x14ac:dyDescent="0.15"/>
    <row r="2272" ht="27" customHeight="1" x14ac:dyDescent="0.15"/>
    <row r="2273" ht="27" customHeight="1" x14ac:dyDescent="0.15"/>
    <row r="2274" ht="27" customHeight="1" x14ac:dyDescent="0.15"/>
    <row r="2275" ht="27" customHeight="1" x14ac:dyDescent="0.15"/>
    <row r="2276" ht="27" customHeight="1" x14ac:dyDescent="0.15"/>
    <row r="2277" ht="27" customHeight="1" x14ac:dyDescent="0.15"/>
    <row r="2278" ht="27" customHeight="1" x14ac:dyDescent="0.15"/>
    <row r="2279" ht="27" customHeight="1" x14ac:dyDescent="0.15"/>
    <row r="2280" ht="27" customHeight="1" x14ac:dyDescent="0.15"/>
    <row r="2281" ht="27" customHeight="1" x14ac:dyDescent="0.15"/>
    <row r="2282" ht="27" customHeight="1" x14ac:dyDescent="0.15"/>
    <row r="2283" ht="27" customHeight="1" x14ac:dyDescent="0.15"/>
    <row r="2284" ht="27" customHeight="1" x14ac:dyDescent="0.15"/>
    <row r="2285" ht="27" customHeight="1" x14ac:dyDescent="0.15"/>
    <row r="2286" ht="27" customHeight="1" x14ac:dyDescent="0.15"/>
    <row r="2287" ht="27" customHeight="1" x14ac:dyDescent="0.15"/>
    <row r="2288" ht="27" customHeight="1" x14ac:dyDescent="0.15"/>
    <row r="2289" ht="27" customHeight="1" x14ac:dyDescent="0.15"/>
    <row r="2290" ht="27" customHeight="1" x14ac:dyDescent="0.15"/>
    <row r="2291" ht="27" customHeight="1" x14ac:dyDescent="0.15"/>
    <row r="2292" ht="27" customHeight="1" x14ac:dyDescent="0.15"/>
    <row r="2293" ht="27" customHeight="1" x14ac:dyDescent="0.15"/>
    <row r="2294" ht="27" customHeight="1" x14ac:dyDescent="0.15"/>
    <row r="2295" ht="27" customHeight="1" x14ac:dyDescent="0.15"/>
    <row r="2296" ht="27" customHeight="1" x14ac:dyDescent="0.15"/>
    <row r="2297" ht="27" customHeight="1" x14ac:dyDescent="0.15"/>
    <row r="2298" ht="27" customHeight="1" x14ac:dyDescent="0.15"/>
    <row r="2299" ht="27" customHeight="1" x14ac:dyDescent="0.15"/>
    <row r="2300" ht="27" customHeight="1" x14ac:dyDescent="0.15"/>
    <row r="2301" ht="27" customHeight="1" x14ac:dyDescent="0.15"/>
    <row r="2302" ht="27" customHeight="1" x14ac:dyDescent="0.15"/>
    <row r="2303" ht="27" customHeight="1" x14ac:dyDescent="0.15"/>
    <row r="2304" ht="27" customHeight="1" x14ac:dyDescent="0.15"/>
    <row r="2305" ht="27" customHeight="1" x14ac:dyDescent="0.15"/>
    <row r="2306" ht="27" customHeight="1" x14ac:dyDescent="0.15"/>
    <row r="2307" ht="27" customHeight="1" x14ac:dyDescent="0.15"/>
    <row r="2308" ht="27" customHeight="1" x14ac:dyDescent="0.15"/>
    <row r="2309" ht="27" customHeight="1" x14ac:dyDescent="0.15"/>
    <row r="2310" ht="27" customHeight="1" x14ac:dyDescent="0.15"/>
    <row r="2311" ht="27" customHeight="1" x14ac:dyDescent="0.15"/>
    <row r="2312" ht="27" customHeight="1" x14ac:dyDescent="0.15"/>
    <row r="2313" ht="27" customHeight="1" x14ac:dyDescent="0.15"/>
    <row r="2314" ht="27" customHeight="1" x14ac:dyDescent="0.15"/>
    <row r="2315" ht="27" customHeight="1" x14ac:dyDescent="0.15"/>
    <row r="2316" ht="27" customHeight="1" x14ac:dyDescent="0.15"/>
    <row r="2317" ht="27" customHeight="1" x14ac:dyDescent="0.15"/>
    <row r="2318" ht="27" customHeight="1" x14ac:dyDescent="0.15"/>
    <row r="2319" ht="27" customHeight="1" x14ac:dyDescent="0.15"/>
    <row r="2320" ht="27" customHeight="1" x14ac:dyDescent="0.15"/>
    <row r="2321" ht="27" customHeight="1" x14ac:dyDescent="0.15"/>
    <row r="2322" ht="27" customHeight="1" x14ac:dyDescent="0.15"/>
    <row r="2323" ht="27" customHeight="1" x14ac:dyDescent="0.15"/>
    <row r="2324" ht="27" customHeight="1" x14ac:dyDescent="0.15"/>
    <row r="2325" ht="27" customHeight="1" x14ac:dyDescent="0.15"/>
    <row r="2326" ht="27" customHeight="1" x14ac:dyDescent="0.15"/>
    <row r="2327" ht="27" customHeight="1" x14ac:dyDescent="0.15"/>
    <row r="2328" ht="27" customHeight="1" x14ac:dyDescent="0.15"/>
    <row r="2329" ht="27" customHeight="1" x14ac:dyDescent="0.15"/>
    <row r="2330" ht="27" customHeight="1" x14ac:dyDescent="0.15"/>
    <row r="2331" ht="27" customHeight="1" x14ac:dyDescent="0.15"/>
    <row r="2332" ht="27" customHeight="1" x14ac:dyDescent="0.15"/>
    <row r="2333" ht="27" customHeight="1" x14ac:dyDescent="0.15"/>
    <row r="2334" ht="27" customHeight="1" x14ac:dyDescent="0.15"/>
    <row r="2335" ht="27" customHeight="1" x14ac:dyDescent="0.15"/>
    <row r="2336" ht="27" customHeight="1" x14ac:dyDescent="0.15"/>
    <row r="2337" ht="27" customHeight="1" x14ac:dyDescent="0.15"/>
    <row r="2338" ht="27" customHeight="1" x14ac:dyDescent="0.15"/>
    <row r="2339" ht="27" customHeight="1" x14ac:dyDescent="0.15"/>
    <row r="2340" ht="27" customHeight="1" x14ac:dyDescent="0.15"/>
    <row r="2341" ht="27" customHeight="1" x14ac:dyDescent="0.15"/>
    <row r="2342" ht="27" customHeight="1" x14ac:dyDescent="0.15"/>
    <row r="2343" ht="27" customHeight="1" x14ac:dyDescent="0.15"/>
    <row r="2344" ht="27" customHeight="1" x14ac:dyDescent="0.15"/>
    <row r="2345" ht="27" customHeight="1" x14ac:dyDescent="0.15"/>
    <row r="2346" ht="27" customHeight="1" x14ac:dyDescent="0.15"/>
    <row r="2347" ht="27" customHeight="1" x14ac:dyDescent="0.15"/>
    <row r="2348" ht="27" customHeight="1" x14ac:dyDescent="0.15"/>
    <row r="2349" ht="27" customHeight="1" x14ac:dyDescent="0.15"/>
    <row r="2350" ht="27" customHeight="1" x14ac:dyDescent="0.15"/>
    <row r="2351" ht="27" customHeight="1" x14ac:dyDescent="0.15"/>
    <row r="2352" ht="27" customHeight="1" x14ac:dyDescent="0.15"/>
    <row r="2353" ht="27" customHeight="1" x14ac:dyDescent="0.15"/>
    <row r="2354" ht="27" customHeight="1" x14ac:dyDescent="0.15"/>
    <row r="2355" ht="27" customHeight="1" x14ac:dyDescent="0.15"/>
    <row r="2356" ht="27" customHeight="1" x14ac:dyDescent="0.15"/>
    <row r="2357" ht="27" customHeight="1" x14ac:dyDescent="0.15"/>
    <row r="2358" ht="27" customHeight="1" x14ac:dyDescent="0.15"/>
    <row r="2359" ht="27" customHeight="1" x14ac:dyDescent="0.15"/>
    <row r="2360" ht="27" customHeight="1" x14ac:dyDescent="0.15"/>
    <row r="2361" ht="27" customHeight="1" x14ac:dyDescent="0.15"/>
    <row r="2362" ht="27" customHeight="1" x14ac:dyDescent="0.15"/>
    <row r="2363" ht="27" customHeight="1" x14ac:dyDescent="0.15"/>
    <row r="2364" ht="27" customHeight="1" x14ac:dyDescent="0.15"/>
    <row r="2365" ht="27" customHeight="1" x14ac:dyDescent="0.15"/>
    <row r="2366" ht="27" customHeight="1" x14ac:dyDescent="0.15"/>
    <row r="2367" ht="27" customHeight="1" x14ac:dyDescent="0.15"/>
    <row r="2368" ht="27" customHeight="1" x14ac:dyDescent="0.15"/>
    <row r="2369" ht="27" customHeight="1" x14ac:dyDescent="0.15"/>
    <row r="2370" ht="27" customHeight="1" x14ac:dyDescent="0.15"/>
    <row r="2371" ht="27" customHeight="1" x14ac:dyDescent="0.15"/>
    <row r="2372" ht="27" customHeight="1" x14ac:dyDescent="0.15"/>
    <row r="2373" ht="27" customHeight="1" x14ac:dyDescent="0.15"/>
    <row r="2374" ht="27" customHeight="1" x14ac:dyDescent="0.15"/>
    <row r="2375" ht="27" customHeight="1" x14ac:dyDescent="0.15"/>
    <row r="2376" ht="27" customHeight="1" x14ac:dyDescent="0.15"/>
    <row r="2377" ht="27" customHeight="1" x14ac:dyDescent="0.15"/>
    <row r="2378" ht="27" customHeight="1" x14ac:dyDescent="0.15"/>
    <row r="2379" ht="27" customHeight="1" x14ac:dyDescent="0.15"/>
    <row r="2380" ht="27" customHeight="1" x14ac:dyDescent="0.15"/>
    <row r="2381" ht="27" customHeight="1" x14ac:dyDescent="0.15"/>
    <row r="2382" ht="27" customHeight="1" x14ac:dyDescent="0.15"/>
    <row r="2383" ht="27" customHeight="1" x14ac:dyDescent="0.15"/>
    <row r="2384" ht="27" customHeight="1" x14ac:dyDescent="0.15"/>
    <row r="2385" ht="27" customHeight="1" x14ac:dyDescent="0.15"/>
    <row r="2386" ht="27" customHeight="1" x14ac:dyDescent="0.15"/>
    <row r="2387" ht="27" customHeight="1" x14ac:dyDescent="0.15"/>
    <row r="2388" ht="27" customHeight="1" x14ac:dyDescent="0.15"/>
    <row r="2389" ht="27" customHeight="1" x14ac:dyDescent="0.15"/>
    <row r="2390" ht="27" customHeight="1" x14ac:dyDescent="0.15"/>
    <row r="2391" ht="27" customHeight="1" x14ac:dyDescent="0.15"/>
    <row r="2392" ht="27" customHeight="1" x14ac:dyDescent="0.15"/>
    <row r="2393" ht="27" customHeight="1" x14ac:dyDescent="0.15"/>
    <row r="2394" ht="27" customHeight="1" x14ac:dyDescent="0.15"/>
    <row r="2395" ht="27" customHeight="1" x14ac:dyDescent="0.15"/>
    <row r="2396" ht="27" customHeight="1" x14ac:dyDescent="0.15"/>
    <row r="2397" ht="27" customHeight="1" x14ac:dyDescent="0.15"/>
    <row r="2398" ht="27" customHeight="1" x14ac:dyDescent="0.15"/>
    <row r="2399" ht="27" customHeight="1" x14ac:dyDescent="0.15"/>
    <row r="2400" ht="27" customHeight="1" x14ac:dyDescent="0.15"/>
    <row r="2401" ht="27" customHeight="1" x14ac:dyDescent="0.15"/>
    <row r="2402" ht="27" customHeight="1" x14ac:dyDescent="0.15"/>
    <row r="2403" ht="27" customHeight="1" x14ac:dyDescent="0.15"/>
    <row r="2404" ht="27" customHeight="1" x14ac:dyDescent="0.15"/>
    <row r="2405" ht="27" customHeight="1" x14ac:dyDescent="0.15"/>
    <row r="2406" ht="27" customHeight="1" x14ac:dyDescent="0.15"/>
    <row r="2407" ht="27" customHeight="1" x14ac:dyDescent="0.15"/>
    <row r="2408" ht="27" customHeight="1" x14ac:dyDescent="0.15"/>
    <row r="2409" ht="27" customHeight="1" x14ac:dyDescent="0.15"/>
    <row r="2410" ht="27" customHeight="1" x14ac:dyDescent="0.15"/>
    <row r="2411" ht="27" customHeight="1" x14ac:dyDescent="0.15"/>
    <row r="2412" ht="27" customHeight="1" x14ac:dyDescent="0.15"/>
    <row r="2413" ht="27" customHeight="1" x14ac:dyDescent="0.15"/>
    <row r="2414" ht="27" customHeight="1" x14ac:dyDescent="0.15"/>
    <row r="2415" ht="27" customHeight="1" x14ac:dyDescent="0.15"/>
    <row r="2416" ht="27" customHeight="1" x14ac:dyDescent="0.15"/>
    <row r="2417" ht="27" customHeight="1" x14ac:dyDescent="0.15"/>
    <row r="2418" ht="27" customHeight="1" x14ac:dyDescent="0.15"/>
    <row r="2419" ht="27" customHeight="1" x14ac:dyDescent="0.15"/>
    <row r="2420" ht="27" customHeight="1" x14ac:dyDescent="0.15"/>
    <row r="2421" ht="27" customHeight="1" x14ac:dyDescent="0.15"/>
    <row r="2422" ht="27" customHeight="1" x14ac:dyDescent="0.15"/>
    <row r="2423" ht="27" customHeight="1" x14ac:dyDescent="0.15"/>
    <row r="2424" ht="27" customHeight="1" x14ac:dyDescent="0.15"/>
    <row r="2425" ht="27" customHeight="1" x14ac:dyDescent="0.15"/>
    <row r="2426" ht="27" customHeight="1" x14ac:dyDescent="0.15"/>
    <row r="2427" ht="27" customHeight="1" x14ac:dyDescent="0.15"/>
    <row r="2428" ht="27" customHeight="1" x14ac:dyDescent="0.15"/>
    <row r="2429" ht="27" customHeight="1" x14ac:dyDescent="0.15"/>
    <row r="2430" ht="27" customHeight="1" x14ac:dyDescent="0.15"/>
    <row r="2431" ht="27" customHeight="1" x14ac:dyDescent="0.15"/>
    <row r="2432" ht="27" customHeight="1" x14ac:dyDescent="0.15"/>
    <row r="2433" ht="27" customHeight="1" x14ac:dyDescent="0.15"/>
    <row r="2434" ht="27" customHeight="1" x14ac:dyDescent="0.15"/>
    <row r="2435" ht="27" customHeight="1" x14ac:dyDescent="0.15"/>
    <row r="2436" ht="27" customHeight="1" x14ac:dyDescent="0.15"/>
    <row r="2437" ht="27" customHeight="1" x14ac:dyDescent="0.15"/>
    <row r="2438" ht="27" customHeight="1" x14ac:dyDescent="0.15"/>
    <row r="2439" ht="27" customHeight="1" x14ac:dyDescent="0.15"/>
    <row r="2440" ht="27" customHeight="1" x14ac:dyDescent="0.15"/>
    <row r="2441" ht="27" customHeight="1" x14ac:dyDescent="0.15"/>
    <row r="2442" ht="27" customHeight="1" x14ac:dyDescent="0.15"/>
    <row r="2443" ht="27" customHeight="1" x14ac:dyDescent="0.15"/>
    <row r="2444" ht="27" customHeight="1" x14ac:dyDescent="0.15"/>
    <row r="2445" ht="27" customHeight="1" x14ac:dyDescent="0.15"/>
    <row r="2446" ht="27" customHeight="1" x14ac:dyDescent="0.15"/>
    <row r="2447" ht="27" customHeight="1" x14ac:dyDescent="0.15"/>
    <row r="2448" ht="27" customHeight="1" x14ac:dyDescent="0.15"/>
    <row r="2449" ht="27" customHeight="1" x14ac:dyDescent="0.15"/>
    <row r="2450" ht="27" customHeight="1" x14ac:dyDescent="0.15"/>
    <row r="2451" ht="27" customHeight="1" x14ac:dyDescent="0.15"/>
    <row r="2452" ht="27" customHeight="1" x14ac:dyDescent="0.15"/>
    <row r="2453" ht="27" customHeight="1" x14ac:dyDescent="0.15"/>
    <row r="2454" ht="27" customHeight="1" x14ac:dyDescent="0.15"/>
    <row r="2455" ht="27" customHeight="1" x14ac:dyDescent="0.15"/>
    <row r="2456" ht="27" customHeight="1" x14ac:dyDescent="0.15"/>
    <row r="2457" ht="27" customHeight="1" x14ac:dyDescent="0.15"/>
    <row r="2458" ht="27" customHeight="1" x14ac:dyDescent="0.15"/>
    <row r="2459" ht="27" customHeight="1" x14ac:dyDescent="0.15"/>
    <row r="2460" ht="27" customHeight="1" x14ac:dyDescent="0.15"/>
    <row r="2461" ht="27" customHeight="1" x14ac:dyDescent="0.15"/>
    <row r="2462" ht="27" customHeight="1" x14ac:dyDescent="0.15"/>
    <row r="2463" ht="27" customHeight="1" x14ac:dyDescent="0.15"/>
    <row r="2464" ht="27" customHeight="1" x14ac:dyDescent="0.15"/>
    <row r="2465" ht="27" customHeight="1" x14ac:dyDescent="0.15"/>
    <row r="2466" ht="27" customHeight="1" x14ac:dyDescent="0.15"/>
    <row r="2467" ht="27" customHeight="1" x14ac:dyDescent="0.15"/>
    <row r="2468" ht="27" customHeight="1" x14ac:dyDescent="0.15"/>
    <row r="2469" ht="27" customHeight="1" x14ac:dyDescent="0.15"/>
    <row r="2470" ht="27" customHeight="1" x14ac:dyDescent="0.15"/>
    <row r="2471" ht="27" customHeight="1" x14ac:dyDescent="0.15"/>
    <row r="2472" ht="27" customHeight="1" x14ac:dyDescent="0.15"/>
    <row r="2473" ht="27" customHeight="1" x14ac:dyDescent="0.15"/>
    <row r="2474" ht="27" customHeight="1" x14ac:dyDescent="0.15"/>
    <row r="2475" ht="27" customHeight="1" x14ac:dyDescent="0.15"/>
    <row r="2476" ht="27" customHeight="1" x14ac:dyDescent="0.15"/>
    <row r="2477" ht="27" customHeight="1" x14ac:dyDescent="0.15"/>
    <row r="2478" ht="27" customHeight="1" x14ac:dyDescent="0.15"/>
    <row r="2479" ht="27" customHeight="1" x14ac:dyDescent="0.15"/>
    <row r="2480" ht="27" customHeight="1" x14ac:dyDescent="0.15"/>
    <row r="2481" ht="27" customHeight="1" x14ac:dyDescent="0.15"/>
    <row r="2482" ht="27" customHeight="1" x14ac:dyDescent="0.15"/>
    <row r="2483" ht="27" customHeight="1" x14ac:dyDescent="0.15"/>
    <row r="2484" ht="27" customHeight="1" x14ac:dyDescent="0.15"/>
    <row r="2485" ht="27" customHeight="1" x14ac:dyDescent="0.15"/>
    <row r="2486" ht="27" customHeight="1" x14ac:dyDescent="0.15"/>
    <row r="2487" ht="27" customHeight="1" x14ac:dyDescent="0.15"/>
    <row r="2488" ht="27" customHeight="1" x14ac:dyDescent="0.15"/>
    <row r="2489" ht="27" customHeight="1" x14ac:dyDescent="0.15"/>
    <row r="2490" ht="27" customHeight="1" x14ac:dyDescent="0.15"/>
    <row r="2491" ht="27" customHeight="1" x14ac:dyDescent="0.15"/>
    <row r="2492" ht="27" customHeight="1" x14ac:dyDescent="0.15"/>
    <row r="2493" ht="27" customHeight="1" x14ac:dyDescent="0.15"/>
    <row r="2494" ht="27" customHeight="1" x14ac:dyDescent="0.15"/>
    <row r="2495" ht="27" customHeight="1" x14ac:dyDescent="0.15"/>
    <row r="2496" ht="27" customHeight="1" x14ac:dyDescent="0.15"/>
    <row r="2497" ht="27" customHeight="1" x14ac:dyDescent="0.15"/>
    <row r="2498" ht="27" customHeight="1" x14ac:dyDescent="0.15"/>
    <row r="2499" ht="27" customHeight="1" x14ac:dyDescent="0.15"/>
    <row r="2500" ht="27" customHeight="1" x14ac:dyDescent="0.15"/>
    <row r="2501" ht="27" customHeight="1" x14ac:dyDescent="0.15"/>
    <row r="2502" ht="27" customHeight="1" x14ac:dyDescent="0.15"/>
    <row r="2503" ht="27" customHeight="1" x14ac:dyDescent="0.15"/>
    <row r="2504" ht="27" customHeight="1" x14ac:dyDescent="0.15"/>
    <row r="2505" ht="27" customHeight="1" x14ac:dyDescent="0.15"/>
    <row r="2506" ht="27" customHeight="1" x14ac:dyDescent="0.15"/>
    <row r="2507" ht="27" customHeight="1" x14ac:dyDescent="0.15"/>
    <row r="2508" ht="27" customHeight="1" x14ac:dyDescent="0.15"/>
    <row r="2509" ht="27" customHeight="1" x14ac:dyDescent="0.15"/>
    <row r="2510" ht="27" customHeight="1" x14ac:dyDescent="0.15"/>
    <row r="2511" ht="27" customHeight="1" x14ac:dyDescent="0.15"/>
    <row r="2512" ht="27" customHeight="1" x14ac:dyDescent="0.15"/>
    <row r="2513" ht="27" customHeight="1" x14ac:dyDescent="0.15"/>
    <row r="2514" ht="27" customHeight="1" x14ac:dyDescent="0.15"/>
    <row r="2515" ht="27" customHeight="1" x14ac:dyDescent="0.15"/>
    <row r="2516" ht="27" customHeight="1" x14ac:dyDescent="0.15"/>
    <row r="2517" ht="27" customHeight="1" x14ac:dyDescent="0.15"/>
    <row r="2518" ht="27" customHeight="1" x14ac:dyDescent="0.15"/>
    <row r="2519" ht="27" customHeight="1" x14ac:dyDescent="0.15"/>
    <row r="2520" ht="27" customHeight="1" x14ac:dyDescent="0.15"/>
    <row r="2521" ht="27" customHeight="1" x14ac:dyDescent="0.15"/>
    <row r="2522" ht="27" customHeight="1" x14ac:dyDescent="0.15"/>
    <row r="2523" ht="27" customHeight="1" x14ac:dyDescent="0.15"/>
    <row r="2524" ht="27" customHeight="1" x14ac:dyDescent="0.15"/>
    <row r="2525" ht="27" customHeight="1" x14ac:dyDescent="0.15"/>
    <row r="2526" ht="27" customHeight="1" x14ac:dyDescent="0.15"/>
    <row r="2527" ht="27" customHeight="1" x14ac:dyDescent="0.15"/>
    <row r="2528" ht="27" customHeight="1" x14ac:dyDescent="0.15"/>
    <row r="2529" ht="27" customHeight="1" x14ac:dyDescent="0.15"/>
    <row r="2530" ht="27" customHeight="1" x14ac:dyDescent="0.15"/>
    <row r="2531" ht="27" customHeight="1" x14ac:dyDescent="0.15"/>
    <row r="2532" ht="27" customHeight="1" x14ac:dyDescent="0.15"/>
    <row r="2533" ht="27" customHeight="1" x14ac:dyDescent="0.15"/>
    <row r="2534" ht="27" customHeight="1" x14ac:dyDescent="0.15"/>
    <row r="2535" ht="27" customHeight="1" x14ac:dyDescent="0.15"/>
    <row r="2536" ht="27" customHeight="1" x14ac:dyDescent="0.15"/>
    <row r="2537" ht="27" customHeight="1" x14ac:dyDescent="0.15"/>
    <row r="2538" ht="27" customHeight="1" x14ac:dyDescent="0.15"/>
    <row r="2539" ht="27" customHeight="1" x14ac:dyDescent="0.15"/>
    <row r="2540" ht="27" customHeight="1" x14ac:dyDescent="0.15"/>
    <row r="2541" ht="27" customHeight="1" x14ac:dyDescent="0.15"/>
    <row r="2542" ht="27" customHeight="1" x14ac:dyDescent="0.15"/>
    <row r="2543" ht="27" customHeight="1" x14ac:dyDescent="0.15"/>
    <row r="2544" ht="27" customHeight="1" x14ac:dyDescent="0.15"/>
    <row r="2545" ht="27" customHeight="1" x14ac:dyDescent="0.15"/>
    <row r="2546" ht="27" customHeight="1" x14ac:dyDescent="0.15"/>
    <row r="2547" ht="27" customHeight="1" x14ac:dyDescent="0.15"/>
    <row r="2548" ht="27" customHeight="1" x14ac:dyDescent="0.15"/>
    <row r="2549" ht="27" customHeight="1" x14ac:dyDescent="0.15"/>
    <row r="2550" ht="27" customHeight="1" x14ac:dyDescent="0.15"/>
    <row r="2551" ht="27" customHeight="1" x14ac:dyDescent="0.15"/>
    <row r="2552" ht="27" customHeight="1" x14ac:dyDescent="0.15"/>
    <row r="2553" ht="27" customHeight="1" x14ac:dyDescent="0.15"/>
    <row r="2554" ht="27" customHeight="1" x14ac:dyDescent="0.15"/>
    <row r="2555" ht="27" customHeight="1" x14ac:dyDescent="0.15"/>
    <row r="2556" ht="27" customHeight="1" x14ac:dyDescent="0.15"/>
    <row r="2557" ht="27" customHeight="1" x14ac:dyDescent="0.15"/>
    <row r="2558" ht="27" customHeight="1" x14ac:dyDescent="0.15"/>
    <row r="2559" ht="27" customHeight="1" x14ac:dyDescent="0.15"/>
    <row r="2560" ht="27" customHeight="1" x14ac:dyDescent="0.15"/>
    <row r="2561" ht="27" customHeight="1" x14ac:dyDescent="0.15"/>
    <row r="2562" ht="27" customHeight="1" x14ac:dyDescent="0.15"/>
    <row r="2563" ht="27" customHeight="1" x14ac:dyDescent="0.15"/>
    <row r="2564" ht="27" customHeight="1" x14ac:dyDescent="0.15"/>
    <row r="2565" ht="27" customHeight="1" x14ac:dyDescent="0.15"/>
    <row r="2566" ht="27" customHeight="1" x14ac:dyDescent="0.15"/>
    <row r="2567" ht="27" customHeight="1" x14ac:dyDescent="0.15"/>
    <row r="2568" ht="27" customHeight="1" x14ac:dyDescent="0.15"/>
    <row r="2569" ht="27" customHeight="1" x14ac:dyDescent="0.15"/>
    <row r="2570" ht="27" customHeight="1" x14ac:dyDescent="0.15"/>
    <row r="2571" ht="27" customHeight="1" x14ac:dyDescent="0.15"/>
    <row r="2572" ht="27" customHeight="1" x14ac:dyDescent="0.15"/>
    <row r="2573" ht="27" customHeight="1" x14ac:dyDescent="0.15"/>
    <row r="2574" ht="27" customHeight="1" x14ac:dyDescent="0.15"/>
    <row r="2575" ht="27" customHeight="1" x14ac:dyDescent="0.15"/>
    <row r="2576" ht="27" customHeight="1" x14ac:dyDescent="0.15"/>
    <row r="2577" ht="27" customHeight="1" x14ac:dyDescent="0.15"/>
    <row r="2578" ht="27" customHeight="1" x14ac:dyDescent="0.15"/>
    <row r="2579" ht="27" customHeight="1" x14ac:dyDescent="0.15"/>
    <row r="2580" ht="27" customHeight="1" x14ac:dyDescent="0.15"/>
    <row r="2581" ht="27" customHeight="1" x14ac:dyDescent="0.15"/>
    <row r="2582" ht="27" customHeight="1" x14ac:dyDescent="0.15"/>
    <row r="2583" ht="27" customHeight="1" x14ac:dyDescent="0.15"/>
    <row r="2584" ht="27" customHeight="1" x14ac:dyDescent="0.15"/>
    <row r="2585" ht="27" customHeight="1" x14ac:dyDescent="0.15"/>
    <row r="2586" ht="27" customHeight="1" x14ac:dyDescent="0.15"/>
    <row r="2587" ht="27" customHeight="1" x14ac:dyDescent="0.15"/>
    <row r="2588" ht="27" customHeight="1" x14ac:dyDescent="0.15"/>
    <row r="2589" ht="27" customHeight="1" x14ac:dyDescent="0.15"/>
    <row r="2590" ht="27" customHeight="1" x14ac:dyDescent="0.15"/>
    <row r="2591" ht="27" customHeight="1" x14ac:dyDescent="0.15"/>
    <row r="2592" ht="27" customHeight="1" x14ac:dyDescent="0.15"/>
    <row r="2593" ht="27" customHeight="1" x14ac:dyDescent="0.15"/>
    <row r="2594" ht="27" customHeight="1" x14ac:dyDescent="0.15"/>
    <row r="2595" ht="27" customHeight="1" x14ac:dyDescent="0.15"/>
    <row r="2596" ht="27" customHeight="1" x14ac:dyDescent="0.15"/>
    <row r="2597" ht="27" customHeight="1" x14ac:dyDescent="0.15"/>
    <row r="2598" ht="27" customHeight="1" x14ac:dyDescent="0.15"/>
    <row r="2599" ht="27" customHeight="1" x14ac:dyDescent="0.15"/>
    <row r="2600" ht="27" customHeight="1" x14ac:dyDescent="0.15"/>
    <row r="2601" ht="27" customHeight="1" x14ac:dyDescent="0.15"/>
    <row r="2602" ht="27" customHeight="1" x14ac:dyDescent="0.15"/>
    <row r="2603" ht="27" customHeight="1" x14ac:dyDescent="0.15"/>
    <row r="2604" ht="27" customHeight="1" x14ac:dyDescent="0.15"/>
    <row r="2605" ht="27" customHeight="1" x14ac:dyDescent="0.15"/>
    <row r="2606" ht="27" customHeight="1" x14ac:dyDescent="0.15"/>
    <row r="2607" ht="27" customHeight="1" x14ac:dyDescent="0.15"/>
    <row r="2608" ht="27" customHeight="1" x14ac:dyDescent="0.15"/>
    <row r="2609" ht="27" customHeight="1" x14ac:dyDescent="0.15"/>
    <row r="2610" ht="27" customHeight="1" x14ac:dyDescent="0.15"/>
    <row r="2611" ht="27" customHeight="1" x14ac:dyDescent="0.15"/>
    <row r="2612" ht="27" customHeight="1" x14ac:dyDescent="0.15"/>
    <row r="2613" ht="27" customHeight="1" x14ac:dyDescent="0.15"/>
    <row r="2614" ht="27" customHeight="1" x14ac:dyDescent="0.15"/>
    <row r="2615" ht="27" customHeight="1" x14ac:dyDescent="0.15"/>
    <row r="2616" ht="27" customHeight="1" x14ac:dyDescent="0.15"/>
    <row r="2617" ht="27" customHeight="1" x14ac:dyDescent="0.15"/>
    <row r="2618" ht="27" customHeight="1" x14ac:dyDescent="0.15"/>
    <row r="2619" ht="27" customHeight="1" x14ac:dyDescent="0.15"/>
    <row r="2620" ht="27" customHeight="1" x14ac:dyDescent="0.15"/>
    <row r="2621" ht="27" customHeight="1" x14ac:dyDescent="0.15"/>
    <row r="2622" ht="27" customHeight="1" x14ac:dyDescent="0.15"/>
    <row r="2623" ht="27" customHeight="1" x14ac:dyDescent="0.15"/>
    <row r="2624" ht="27" customHeight="1" x14ac:dyDescent="0.15"/>
    <row r="2625" ht="27" customHeight="1" x14ac:dyDescent="0.15"/>
    <row r="2626" ht="27" customHeight="1" x14ac:dyDescent="0.15"/>
    <row r="2627" ht="27" customHeight="1" x14ac:dyDescent="0.15"/>
    <row r="2628" ht="27" customHeight="1" x14ac:dyDescent="0.15"/>
    <row r="2629" ht="27" customHeight="1" x14ac:dyDescent="0.15"/>
    <row r="2630" ht="27" customHeight="1" x14ac:dyDescent="0.15"/>
    <row r="2631" ht="27" customHeight="1" x14ac:dyDescent="0.15"/>
    <row r="2632" ht="27" customHeight="1" x14ac:dyDescent="0.15"/>
    <row r="2633" ht="27" customHeight="1" x14ac:dyDescent="0.15"/>
    <row r="2634" ht="27" customHeight="1" x14ac:dyDescent="0.15"/>
    <row r="2635" ht="27" customHeight="1" x14ac:dyDescent="0.15"/>
    <row r="2636" ht="27" customHeight="1" x14ac:dyDescent="0.15"/>
    <row r="2637" ht="27" customHeight="1" x14ac:dyDescent="0.15"/>
    <row r="2638" ht="27" customHeight="1" x14ac:dyDescent="0.15"/>
    <row r="2639" ht="27" customHeight="1" x14ac:dyDescent="0.15"/>
    <row r="2640" ht="27" customHeight="1" x14ac:dyDescent="0.15"/>
    <row r="2641" ht="27" customHeight="1" x14ac:dyDescent="0.15"/>
    <row r="2642" ht="27" customHeight="1" x14ac:dyDescent="0.15"/>
    <row r="2643" ht="27" customHeight="1" x14ac:dyDescent="0.15"/>
    <row r="2644" ht="27" customHeight="1" x14ac:dyDescent="0.15"/>
    <row r="2645" ht="27" customHeight="1" x14ac:dyDescent="0.15"/>
    <row r="2646" ht="27" customHeight="1" x14ac:dyDescent="0.15"/>
    <row r="2647" ht="27" customHeight="1" x14ac:dyDescent="0.15"/>
    <row r="2648" ht="27" customHeight="1" x14ac:dyDescent="0.15"/>
    <row r="2649" ht="27" customHeight="1" x14ac:dyDescent="0.15"/>
    <row r="2650" ht="27" customHeight="1" x14ac:dyDescent="0.15"/>
    <row r="2651" ht="27" customHeight="1" x14ac:dyDescent="0.15"/>
    <row r="2652" ht="27" customHeight="1" x14ac:dyDescent="0.15"/>
    <row r="2653" ht="27" customHeight="1" x14ac:dyDescent="0.15"/>
    <row r="2654" ht="27" customHeight="1" x14ac:dyDescent="0.15"/>
    <row r="2655" ht="27" customHeight="1" x14ac:dyDescent="0.15"/>
    <row r="2656" ht="27" customHeight="1" x14ac:dyDescent="0.15"/>
    <row r="2657" ht="27" customHeight="1" x14ac:dyDescent="0.15"/>
    <row r="2658" ht="27" customHeight="1" x14ac:dyDescent="0.15"/>
    <row r="2659" ht="27" customHeight="1" x14ac:dyDescent="0.15"/>
    <row r="2660" ht="27" customHeight="1" x14ac:dyDescent="0.15"/>
    <row r="2661" ht="27" customHeight="1" x14ac:dyDescent="0.15"/>
    <row r="2662" ht="27" customHeight="1" x14ac:dyDescent="0.15"/>
    <row r="2663" ht="27" customHeight="1" x14ac:dyDescent="0.15"/>
    <row r="2664" ht="27" customHeight="1" x14ac:dyDescent="0.15"/>
    <row r="2665" ht="27" customHeight="1" x14ac:dyDescent="0.15"/>
    <row r="2666" ht="27" customHeight="1" x14ac:dyDescent="0.15"/>
    <row r="2667" ht="27" customHeight="1" x14ac:dyDescent="0.15"/>
    <row r="2668" ht="27" customHeight="1" x14ac:dyDescent="0.15"/>
    <row r="2669" ht="27" customHeight="1" x14ac:dyDescent="0.15"/>
    <row r="2670" ht="27" customHeight="1" x14ac:dyDescent="0.15"/>
    <row r="2671" ht="27" customHeight="1" x14ac:dyDescent="0.15"/>
    <row r="2672" ht="27" customHeight="1" x14ac:dyDescent="0.15"/>
    <row r="2673" ht="27" customHeight="1" x14ac:dyDescent="0.15"/>
    <row r="2674" ht="27" customHeight="1" x14ac:dyDescent="0.15"/>
    <row r="2675" ht="27" customHeight="1" x14ac:dyDescent="0.15"/>
    <row r="2676" ht="27" customHeight="1" x14ac:dyDescent="0.15"/>
    <row r="2677" ht="27" customHeight="1" x14ac:dyDescent="0.15"/>
    <row r="2678" ht="27" customHeight="1" x14ac:dyDescent="0.15"/>
    <row r="2679" ht="27" customHeight="1" x14ac:dyDescent="0.15"/>
    <row r="2680" ht="27" customHeight="1" x14ac:dyDescent="0.15"/>
    <row r="2681" ht="27" customHeight="1" x14ac:dyDescent="0.15"/>
    <row r="2682" ht="27" customHeight="1" x14ac:dyDescent="0.15"/>
    <row r="2683" ht="27" customHeight="1" x14ac:dyDescent="0.15"/>
    <row r="2684" ht="27" customHeight="1" x14ac:dyDescent="0.15"/>
    <row r="2685" ht="27" customHeight="1" x14ac:dyDescent="0.15"/>
    <row r="2686" ht="27" customHeight="1" x14ac:dyDescent="0.15"/>
    <row r="2687" ht="27" customHeight="1" x14ac:dyDescent="0.15"/>
    <row r="2688" ht="27" customHeight="1" x14ac:dyDescent="0.15"/>
    <row r="2689" ht="27" customHeight="1" x14ac:dyDescent="0.15"/>
    <row r="2690" ht="27" customHeight="1" x14ac:dyDescent="0.15"/>
    <row r="2691" ht="27" customHeight="1" x14ac:dyDescent="0.15"/>
    <row r="2692" ht="27" customHeight="1" x14ac:dyDescent="0.15"/>
    <row r="2693" ht="27" customHeight="1" x14ac:dyDescent="0.15"/>
    <row r="2694" ht="27" customHeight="1" x14ac:dyDescent="0.15"/>
    <row r="2695" ht="27" customHeight="1" x14ac:dyDescent="0.15"/>
    <row r="2696" ht="27" customHeight="1" x14ac:dyDescent="0.15"/>
    <row r="2697" ht="27" customHeight="1" x14ac:dyDescent="0.15"/>
    <row r="2698" ht="27" customHeight="1" x14ac:dyDescent="0.15"/>
    <row r="2699" ht="27" customHeight="1" x14ac:dyDescent="0.15"/>
    <row r="2700" ht="27" customHeight="1" x14ac:dyDescent="0.15"/>
    <row r="2701" ht="27" customHeight="1" x14ac:dyDescent="0.15"/>
    <row r="2702" ht="27" customHeight="1" x14ac:dyDescent="0.15"/>
    <row r="2703" ht="27" customHeight="1" x14ac:dyDescent="0.15"/>
    <row r="2704" ht="27" customHeight="1" x14ac:dyDescent="0.15"/>
    <row r="2705" ht="27" customHeight="1" x14ac:dyDescent="0.15"/>
    <row r="2706" ht="27" customHeight="1" x14ac:dyDescent="0.15"/>
    <row r="2707" ht="27" customHeight="1" x14ac:dyDescent="0.15"/>
    <row r="2708" ht="27" customHeight="1" x14ac:dyDescent="0.15"/>
    <row r="2709" ht="27" customHeight="1" x14ac:dyDescent="0.15"/>
    <row r="2710" ht="27" customHeight="1" x14ac:dyDescent="0.15"/>
    <row r="2711" ht="27" customHeight="1" x14ac:dyDescent="0.15"/>
    <row r="2712" ht="27" customHeight="1" x14ac:dyDescent="0.15"/>
    <row r="2713" ht="27" customHeight="1" x14ac:dyDescent="0.15"/>
    <row r="2714" ht="27" customHeight="1" x14ac:dyDescent="0.15"/>
    <row r="2715" ht="27" customHeight="1" x14ac:dyDescent="0.15"/>
    <row r="2716" ht="27" customHeight="1" x14ac:dyDescent="0.15"/>
    <row r="2717" ht="27" customHeight="1" x14ac:dyDescent="0.15"/>
    <row r="2718" ht="27" customHeight="1" x14ac:dyDescent="0.15"/>
    <row r="2719" ht="27" customHeight="1" x14ac:dyDescent="0.15"/>
    <row r="2720" ht="27" customHeight="1" x14ac:dyDescent="0.15"/>
    <row r="2721" ht="27" customHeight="1" x14ac:dyDescent="0.15"/>
    <row r="2722" ht="27" customHeight="1" x14ac:dyDescent="0.15"/>
    <row r="2723" ht="27" customHeight="1" x14ac:dyDescent="0.15"/>
    <row r="2724" ht="27" customHeight="1" x14ac:dyDescent="0.15"/>
    <row r="2725" ht="27" customHeight="1" x14ac:dyDescent="0.15"/>
    <row r="2726" ht="27" customHeight="1" x14ac:dyDescent="0.15"/>
    <row r="2727" ht="27" customHeight="1" x14ac:dyDescent="0.15"/>
    <row r="2728" ht="27" customHeight="1" x14ac:dyDescent="0.15"/>
    <row r="2729" ht="27" customHeight="1" x14ac:dyDescent="0.15"/>
    <row r="2730" ht="27" customHeight="1" x14ac:dyDescent="0.15"/>
    <row r="2731" ht="27" customHeight="1" x14ac:dyDescent="0.15"/>
    <row r="2732" ht="27" customHeight="1" x14ac:dyDescent="0.15"/>
    <row r="2733" ht="27" customHeight="1" x14ac:dyDescent="0.15"/>
    <row r="2734" ht="27" customHeight="1" x14ac:dyDescent="0.15"/>
    <row r="2735" ht="27" customHeight="1" x14ac:dyDescent="0.15"/>
    <row r="2736" ht="27" customHeight="1" x14ac:dyDescent="0.15"/>
    <row r="2737" spans="1:12" ht="27" customHeight="1" x14ac:dyDescent="0.15"/>
    <row r="2738" spans="1:12" ht="27" customHeight="1" x14ac:dyDescent="0.15"/>
    <row r="2739" spans="1:12" ht="27" customHeight="1" x14ac:dyDescent="0.15"/>
    <row r="2740" spans="1:12" ht="27" customHeight="1" x14ac:dyDescent="0.15"/>
    <row r="2741" spans="1:12" ht="27" customHeight="1" x14ac:dyDescent="0.15"/>
    <row r="2742" spans="1:12" ht="27" customHeight="1" x14ac:dyDescent="0.15"/>
    <row r="2743" spans="1:12" s="17" customFormat="1" ht="27" customHeight="1" x14ac:dyDescent="0.15">
      <c r="A2743" s="13"/>
      <c r="B2743" s="14"/>
      <c r="C2743" s="13"/>
      <c r="D2743" s="14"/>
      <c r="E2743" s="14"/>
      <c r="F2743" s="16"/>
      <c r="G2743" s="2"/>
      <c r="H2743" s="2"/>
      <c r="I2743" s="2"/>
      <c r="J2743" s="2"/>
      <c r="K2743" s="2"/>
      <c r="L2743" s="2"/>
    </row>
    <row r="2744" spans="1:12" s="17" customFormat="1" ht="27" customHeight="1" x14ac:dyDescent="0.15">
      <c r="A2744" s="13"/>
      <c r="B2744" s="14"/>
      <c r="C2744" s="13"/>
      <c r="D2744" s="14"/>
      <c r="E2744" s="14"/>
      <c r="F2744" s="16"/>
      <c r="G2744" s="2"/>
      <c r="H2744" s="2"/>
      <c r="I2744" s="2"/>
      <c r="J2744" s="2"/>
      <c r="K2744" s="2"/>
      <c r="L2744" s="2"/>
    </row>
    <row r="2745" spans="1:12" s="17" customFormat="1" ht="27" customHeight="1" x14ac:dyDescent="0.15">
      <c r="A2745" s="13"/>
      <c r="B2745" s="14"/>
      <c r="C2745" s="13"/>
      <c r="D2745" s="14"/>
      <c r="E2745" s="14"/>
      <c r="F2745" s="16"/>
      <c r="G2745" s="2"/>
      <c r="H2745" s="2"/>
      <c r="I2745" s="2"/>
      <c r="J2745" s="2"/>
      <c r="K2745" s="2"/>
      <c r="L2745" s="2"/>
    </row>
    <row r="2746" spans="1:12" s="17" customFormat="1" ht="27" customHeight="1" x14ac:dyDescent="0.15">
      <c r="A2746" s="13"/>
      <c r="B2746" s="14"/>
      <c r="C2746" s="13"/>
      <c r="D2746" s="14"/>
      <c r="E2746" s="14"/>
      <c r="F2746" s="16"/>
      <c r="G2746" s="2"/>
      <c r="H2746" s="2"/>
      <c r="I2746" s="2"/>
      <c r="J2746" s="2"/>
      <c r="K2746" s="2"/>
      <c r="L2746" s="2"/>
    </row>
    <row r="2747" spans="1:12" s="17" customFormat="1" ht="27" customHeight="1" x14ac:dyDescent="0.15">
      <c r="A2747" s="13"/>
      <c r="B2747" s="14"/>
      <c r="C2747" s="13"/>
      <c r="D2747" s="14"/>
      <c r="E2747" s="14"/>
      <c r="F2747" s="16"/>
      <c r="G2747" s="2"/>
      <c r="H2747" s="2"/>
      <c r="I2747" s="2"/>
      <c r="J2747" s="2"/>
      <c r="K2747" s="2"/>
      <c r="L2747" s="2"/>
    </row>
    <row r="2748" spans="1:12" s="17" customFormat="1" ht="27" customHeight="1" x14ac:dyDescent="0.15">
      <c r="A2748" s="13"/>
      <c r="B2748" s="14"/>
      <c r="C2748" s="13"/>
      <c r="D2748" s="14"/>
      <c r="E2748" s="14"/>
      <c r="F2748" s="16"/>
      <c r="G2748" s="2"/>
      <c r="H2748" s="2"/>
      <c r="I2748" s="2"/>
      <c r="J2748" s="2"/>
      <c r="K2748" s="2"/>
      <c r="L2748" s="2"/>
    </row>
    <row r="2749" spans="1:12" s="17" customFormat="1" ht="27" customHeight="1" x14ac:dyDescent="0.15">
      <c r="A2749" s="13"/>
      <c r="B2749" s="14"/>
      <c r="C2749" s="13"/>
      <c r="D2749" s="14"/>
      <c r="E2749" s="14"/>
      <c r="F2749" s="16"/>
      <c r="G2749" s="2"/>
      <c r="H2749" s="2"/>
      <c r="I2749" s="2"/>
      <c r="J2749" s="2"/>
      <c r="K2749" s="2"/>
      <c r="L2749" s="2"/>
    </row>
    <row r="2750" spans="1:12" s="17" customFormat="1" ht="27" customHeight="1" x14ac:dyDescent="0.15">
      <c r="A2750" s="13"/>
      <c r="B2750" s="14"/>
      <c r="C2750" s="13"/>
      <c r="D2750" s="14"/>
      <c r="E2750" s="14"/>
      <c r="F2750" s="16"/>
      <c r="G2750" s="2"/>
      <c r="H2750" s="2"/>
      <c r="I2750" s="2"/>
      <c r="J2750" s="2"/>
      <c r="K2750" s="2"/>
      <c r="L2750" s="2"/>
    </row>
    <row r="2751" spans="1:12" s="17" customFormat="1" ht="27" customHeight="1" x14ac:dyDescent="0.15">
      <c r="A2751" s="13"/>
      <c r="B2751" s="14"/>
      <c r="C2751" s="13"/>
      <c r="D2751" s="14"/>
      <c r="E2751" s="14"/>
      <c r="F2751" s="16"/>
      <c r="G2751" s="2"/>
      <c r="H2751" s="2"/>
      <c r="I2751" s="2"/>
      <c r="J2751" s="2"/>
      <c r="K2751" s="2"/>
      <c r="L2751" s="2"/>
    </row>
    <row r="2752" spans="1:12" s="17" customFormat="1" ht="27" customHeight="1" x14ac:dyDescent="0.15">
      <c r="A2752" s="13"/>
      <c r="B2752" s="14"/>
      <c r="C2752" s="13"/>
      <c r="D2752" s="14"/>
      <c r="E2752" s="14"/>
      <c r="F2752" s="16"/>
      <c r="G2752" s="2"/>
      <c r="H2752" s="2"/>
      <c r="I2752" s="2"/>
      <c r="J2752" s="2"/>
      <c r="K2752" s="2"/>
      <c r="L2752" s="2"/>
    </row>
    <row r="2753" spans="1:12" s="17" customFormat="1" ht="27" customHeight="1" x14ac:dyDescent="0.15">
      <c r="A2753" s="13"/>
      <c r="B2753" s="14"/>
      <c r="C2753" s="13"/>
      <c r="D2753" s="14"/>
      <c r="E2753" s="14"/>
      <c r="F2753" s="16"/>
      <c r="G2753" s="2"/>
      <c r="H2753" s="2"/>
      <c r="I2753" s="2"/>
      <c r="J2753" s="2"/>
      <c r="K2753" s="2"/>
      <c r="L2753" s="2"/>
    </row>
    <row r="2754" spans="1:12" s="17" customFormat="1" ht="27" customHeight="1" x14ac:dyDescent="0.15">
      <c r="A2754" s="13"/>
      <c r="B2754" s="14"/>
      <c r="C2754" s="13"/>
      <c r="D2754" s="14"/>
      <c r="E2754" s="14"/>
      <c r="F2754" s="16"/>
      <c r="G2754" s="2"/>
      <c r="H2754" s="2"/>
      <c r="I2754" s="2"/>
      <c r="J2754" s="2"/>
      <c r="K2754" s="2"/>
      <c r="L2754" s="2"/>
    </row>
    <row r="2755" spans="1:12" s="17" customFormat="1" ht="27" customHeight="1" x14ac:dyDescent="0.15">
      <c r="A2755" s="13"/>
      <c r="B2755" s="14"/>
      <c r="C2755" s="13"/>
      <c r="D2755" s="14"/>
      <c r="E2755" s="14"/>
      <c r="F2755" s="16"/>
      <c r="G2755" s="2"/>
      <c r="H2755" s="2"/>
      <c r="I2755" s="2"/>
      <c r="J2755" s="2"/>
      <c r="K2755" s="2"/>
      <c r="L2755" s="2"/>
    </row>
    <row r="2756" spans="1:12" s="17" customFormat="1" ht="27" customHeight="1" x14ac:dyDescent="0.15">
      <c r="A2756" s="13"/>
      <c r="B2756" s="14"/>
      <c r="C2756" s="13"/>
      <c r="D2756" s="14"/>
      <c r="E2756" s="14"/>
      <c r="F2756" s="16"/>
      <c r="G2756" s="2"/>
      <c r="H2756" s="2"/>
      <c r="I2756" s="2"/>
      <c r="J2756" s="2"/>
      <c r="K2756" s="2"/>
      <c r="L2756" s="2"/>
    </row>
    <row r="2757" spans="1:12" s="17" customFormat="1" ht="27" customHeight="1" x14ac:dyDescent="0.15">
      <c r="A2757" s="13"/>
      <c r="B2757" s="14"/>
      <c r="C2757" s="13"/>
      <c r="D2757" s="14"/>
      <c r="E2757" s="14"/>
      <c r="F2757" s="16"/>
      <c r="G2757" s="2"/>
      <c r="H2757" s="2"/>
      <c r="I2757" s="2"/>
      <c r="J2757" s="2"/>
      <c r="K2757" s="2"/>
      <c r="L2757" s="2"/>
    </row>
    <row r="2758" spans="1:12" s="17" customFormat="1" ht="27" customHeight="1" x14ac:dyDescent="0.15">
      <c r="A2758" s="13"/>
      <c r="B2758" s="14"/>
      <c r="C2758" s="13"/>
      <c r="D2758" s="14"/>
      <c r="E2758" s="14"/>
      <c r="F2758" s="16"/>
      <c r="G2758" s="2"/>
      <c r="H2758" s="2"/>
      <c r="I2758" s="2"/>
      <c r="J2758" s="2"/>
      <c r="K2758" s="2"/>
      <c r="L2758" s="2"/>
    </row>
    <row r="2759" spans="1:12" s="17" customFormat="1" ht="27" customHeight="1" x14ac:dyDescent="0.15">
      <c r="A2759" s="13"/>
      <c r="B2759" s="14"/>
      <c r="C2759" s="13"/>
      <c r="D2759" s="14"/>
      <c r="E2759" s="14"/>
      <c r="F2759" s="16"/>
      <c r="G2759" s="2"/>
      <c r="H2759" s="2"/>
      <c r="I2759" s="2"/>
      <c r="J2759" s="2"/>
      <c r="K2759" s="2"/>
      <c r="L2759" s="2"/>
    </row>
    <row r="2760" spans="1:12" s="17" customFormat="1" ht="27" customHeight="1" x14ac:dyDescent="0.15">
      <c r="A2760" s="13"/>
      <c r="B2760" s="14"/>
      <c r="C2760" s="13"/>
      <c r="D2760" s="14"/>
      <c r="E2760" s="14"/>
      <c r="F2760" s="16"/>
      <c r="G2760" s="2"/>
      <c r="H2760" s="2"/>
      <c r="I2760" s="2"/>
      <c r="J2760" s="2"/>
      <c r="K2760" s="2"/>
      <c r="L2760" s="2"/>
    </row>
    <row r="2761" spans="1:12" s="17" customFormat="1" ht="27" customHeight="1" x14ac:dyDescent="0.15">
      <c r="A2761" s="13"/>
      <c r="B2761" s="14"/>
      <c r="C2761" s="13"/>
      <c r="D2761" s="14"/>
      <c r="E2761" s="14"/>
      <c r="F2761" s="16"/>
      <c r="G2761" s="2"/>
      <c r="H2761" s="2"/>
      <c r="I2761" s="2"/>
      <c r="J2761" s="2"/>
      <c r="K2761" s="2"/>
      <c r="L2761" s="2"/>
    </row>
    <row r="2762" spans="1:12" s="17" customFormat="1" ht="27" customHeight="1" x14ac:dyDescent="0.15">
      <c r="A2762" s="13"/>
      <c r="B2762" s="14"/>
      <c r="C2762" s="13"/>
      <c r="D2762" s="14"/>
      <c r="E2762" s="14"/>
      <c r="F2762" s="16"/>
      <c r="G2762" s="2"/>
      <c r="H2762" s="2"/>
      <c r="I2762" s="2"/>
      <c r="J2762" s="2"/>
      <c r="K2762" s="2"/>
      <c r="L2762" s="2"/>
    </row>
    <row r="2763" spans="1:12" s="17" customFormat="1" ht="27" customHeight="1" x14ac:dyDescent="0.15">
      <c r="A2763" s="13"/>
      <c r="B2763" s="14"/>
      <c r="C2763" s="13"/>
      <c r="D2763" s="14"/>
      <c r="E2763" s="14"/>
      <c r="F2763" s="16"/>
      <c r="G2763" s="2"/>
      <c r="H2763" s="2"/>
      <c r="I2763" s="2"/>
      <c r="J2763" s="2"/>
      <c r="K2763" s="2"/>
      <c r="L2763" s="2"/>
    </row>
    <row r="2764" spans="1:12" s="17" customFormat="1" ht="27" customHeight="1" x14ac:dyDescent="0.15">
      <c r="A2764" s="13"/>
      <c r="B2764" s="14"/>
      <c r="C2764" s="13"/>
      <c r="D2764" s="14"/>
      <c r="E2764" s="14"/>
      <c r="F2764" s="16"/>
      <c r="G2764" s="2"/>
      <c r="H2764" s="2"/>
      <c r="I2764" s="2"/>
      <c r="J2764" s="2"/>
      <c r="K2764" s="2"/>
      <c r="L2764" s="2"/>
    </row>
    <row r="2765" spans="1:12" s="17" customFormat="1" ht="27" customHeight="1" x14ac:dyDescent="0.15">
      <c r="A2765" s="13"/>
      <c r="B2765" s="14"/>
      <c r="C2765" s="13"/>
      <c r="D2765" s="14"/>
      <c r="E2765" s="14"/>
      <c r="F2765" s="16"/>
      <c r="G2765" s="2"/>
      <c r="H2765" s="2"/>
      <c r="I2765" s="2"/>
      <c r="J2765" s="2"/>
      <c r="K2765" s="2"/>
      <c r="L2765" s="2"/>
    </row>
    <row r="2766" spans="1:12" s="17" customFormat="1" ht="27" customHeight="1" x14ac:dyDescent="0.15">
      <c r="A2766" s="13"/>
      <c r="B2766" s="14"/>
      <c r="C2766" s="13"/>
      <c r="D2766" s="14"/>
      <c r="E2766" s="14"/>
      <c r="F2766" s="16"/>
      <c r="G2766" s="2"/>
      <c r="H2766" s="2"/>
      <c r="I2766" s="2"/>
      <c r="J2766" s="2"/>
      <c r="K2766" s="2"/>
      <c r="L2766" s="2"/>
    </row>
    <row r="2767" spans="1:12" s="17" customFormat="1" ht="27" customHeight="1" x14ac:dyDescent="0.15">
      <c r="A2767" s="13"/>
      <c r="B2767" s="14"/>
      <c r="C2767" s="13"/>
      <c r="D2767" s="14"/>
      <c r="E2767" s="14"/>
      <c r="F2767" s="16"/>
      <c r="G2767" s="2"/>
      <c r="H2767" s="2"/>
      <c r="I2767" s="2"/>
      <c r="J2767" s="2"/>
      <c r="K2767" s="2"/>
      <c r="L2767" s="2"/>
    </row>
    <row r="2768" spans="1:12" s="17" customFormat="1" ht="27" customHeight="1" x14ac:dyDescent="0.15">
      <c r="A2768" s="13"/>
      <c r="B2768" s="14"/>
      <c r="C2768" s="13"/>
      <c r="D2768" s="14"/>
      <c r="E2768" s="14"/>
      <c r="F2768" s="16"/>
      <c r="G2768" s="2"/>
      <c r="H2768" s="2"/>
      <c r="I2768" s="2"/>
      <c r="J2768" s="2"/>
      <c r="K2768" s="2"/>
      <c r="L2768" s="2"/>
    </row>
    <row r="2769" spans="1:12" s="17" customFormat="1" ht="27" customHeight="1" x14ac:dyDescent="0.15">
      <c r="A2769" s="13"/>
      <c r="B2769" s="14"/>
      <c r="C2769" s="13"/>
      <c r="D2769" s="14"/>
      <c r="E2769" s="14"/>
      <c r="F2769" s="16"/>
      <c r="G2769" s="2"/>
      <c r="H2769" s="2"/>
      <c r="I2769" s="2"/>
      <c r="J2769" s="2"/>
      <c r="K2769" s="2"/>
      <c r="L2769" s="2"/>
    </row>
    <row r="2770" spans="1:12" s="17" customFormat="1" ht="27" customHeight="1" x14ac:dyDescent="0.15">
      <c r="A2770" s="13"/>
      <c r="B2770" s="14"/>
      <c r="C2770" s="13"/>
      <c r="D2770" s="14"/>
      <c r="E2770" s="14"/>
      <c r="F2770" s="16"/>
      <c r="G2770" s="2"/>
      <c r="H2770" s="2"/>
      <c r="I2770" s="2"/>
      <c r="J2770" s="2"/>
      <c r="K2770" s="2"/>
      <c r="L2770" s="2"/>
    </row>
    <row r="2771" spans="1:12" s="17" customFormat="1" ht="27" customHeight="1" x14ac:dyDescent="0.15">
      <c r="A2771" s="13"/>
      <c r="B2771" s="14"/>
      <c r="C2771" s="13"/>
      <c r="D2771" s="14"/>
      <c r="E2771" s="14"/>
      <c r="F2771" s="16"/>
      <c r="G2771" s="2"/>
      <c r="H2771" s="2"/>
      <c r="I2771" s="2"/>
      <c r="J2771" s="2"/>
      <c r="K2771" s="2"/>
      <c r="L2771" s="2"/>
    </row>
    <row r="2772" spans="1:12" s="17" customFormat="1" ht="27" customHeight="1" x14ac:dyDescent="0.15">
      <c r="A2772" s="13"/>
      <c r="B2772" s="14"/>
      <c r="C2772" s="13"/>
      <c r="D2772" s="14"/>
      <c r="E2772" s="14"/>
      <c r="F2772" s="16"/>
      <c r="G2772" s="2"/>
      <c r="H2772" s="2"/>
      <c r="I2772" s="2"/>
      <c r="J2772" s="2"/>
      <c r="K2772" s="2"/>
      <c r="L2772" s="2"/>
    </row>
    <row r="2773" spans="1:12" s="17" customFormat="1" ht="27" customHeight="1" x14ac:dyDescent="0.15">
      <c r="A2773" s="13"/>
      <c r="B2773" s="14"/>
      <c r="C2773" s="13"/>
      <c r="D2773" s="14"/>
      <c r="E2773" s="14"/>
      <c r="F2773" s="16"/>
      <c r="G2773" s="2"/>
      <c r="H2773" s="2"/>
      <c r="I2773" s="2"/>
      <c r="J2773" s="2"/>
      <c r="K2773" s="2"/>
      <c r="L2773" s="2"/>
    </row>
    <row r="2774" spans="1:12" s="17" customFormat="1" ht="27" customHeight="1" x14ac:dyDescent="0.15">
      <c r="A2774" s="13"/>
      <c r="B2774" s="14"/>
      <c r="C2774" s="13"/>
      <c r="D2774" s="14"/>
      <c r="E2774" s="14"/>
      <c r="F2774" s="16"/>
      <c r="G2774" s="2"/>
      <c r="H2774" s="2"/>
      <c r="I2774" s="2"/>
      <c r="J2774" s="2"/>
      <c r="K2774" s="2"/>
      <c r="L2774" s="2"/>
    </row>
    <row r="2775" spans="1:12" s="17" customFormat="1" ht="27" customHeight="1" x14ac:dyDescent="0.15">
      <c r="A2775" s="13"/>
      <c r="B2775" s="14"/>
      <c r="C2775" s="13"/>
      <c r="D2775" s="14"/>
      <c r="E2775" s="14"/>
      <c r="F2775" s="16"/>
      <c r="G2775" s="2"/>
      <c r="H2775" s="2"/>
      <c r="I2775" s="2"/>
      <c r="J2775" s="2"/>
      <c r="K2775" s="2"/>
      <c r="L2775" s="2"/>
    </row>
    <row r="2776" spans="1:12" s="17" customFormat="1" ht="27" customHeight="1" x14ac:dyDescent="0.15">
      <c r="A2776" s="13"/>
      <c r="B2776" s="14"/>
      <c r="C2776" s="13"/>
      <c r="D2776" s="14"/>
      <c r="E2776" s="14"/>
      <c r="F2776" s="16"/>
      <c r="G2776" s="2"/>
      <c r="H2776" s="2"/>
      <c r="I2776" s="2"/>
      <c r="J2776" s="2"/>
      <c r="K2776" s="2"/>
      <c r="L2776" s="2"/>
    </row>
    <row r="2777" spans="1:12" s="17" customFormat="1" ht="27" customHeight="1" x14ac:dyDescent="0.15">
      <c r="A2777" s="13"/>
      <c r="B2777" s="14"/>
      <c r="C2777" s="13"/>
      <c r="D2777" s="14"/>
      <c r="E2777" s="14"/>
      <c r="F2777" s="16"/>
      <c r="G2777" s="2"/>
      <c r="H2777" s="2"/>
      <c r="I2777" s="2"/>
      <c r="J2777" s="2"/>
      <c r="K2777" s="2"/>
      <c r="L2777" s="2"/>
    </row>
    <row r="2778" spans="1:12" s="17" customFormat="1" ht="27" customHeight="1" x14ac:dyDescent="0.15">
      <c r="A2778" s="13"/>
      <c r="B2778" s="14"/>
      <c r="C2778" s="13"/>
      <c r="D2778" s="14"/>
      <c r="E2778" s="14"/>
      <c r="F2778" s="16"/>
      <c r="G2778" s="2"/>
      <c r="H2778" s="2"/>
      <c r="I2778" s="2"/>
      <c r="J2778" s="2"/>
      <c r="K2778" s="2"/>
      <c r="L2778" s="2"/>
    </row>
    <row r="2779" spans="1:12" s="17" customFormat="1" ht="27" customHeight="1" x14ac:dyDescent="0.15">
      <c r="A2779" s="13"/>
      <c r="B2779" s="14"/>
      <c r="C2779" s="13"/>
      <c r="D2779" s="14"/>
      <c r="E2779" s="14"/>
      <c r="F2779" s="16"/>
      <c r="G2779" s="2"/>
      <c r="H2779" s="2"/>
      <c r="I2779" s="2"/>
      <c r="J2779" s="2"/>
      <c r="K2779" s="2"/>
      <c r="L2779" s="2"/>
    </row>
    <row r="2780" spans="1:12" s="17" customFormat="1" ht="27" customHeight="1" x14ac:dyDescent="0.15">
      <c r="A2780" s="13"/>
      <c r="B2780" s="14"/>
      <c r="C2780" s="13"/>
      <c r="D2780" s="14"/>
      <c r="E2780" s="14"/>
      <c r="F2780" s="16"/>
      <c r="G2780" s="2"/>
      <c r="H2780" s="2"/>
      <c r="I2780" s="2"/>
      <c r="J2780" s="2"/>
      <c r="K2780" s="2"/>
      <c r="L2780" s="2"/>
    </row>
    <row r="2781" spans="1:12" s="17" customFormat="1" ht="27" customHeight="1" x14ac:dyDescent="0.15">
      <c r="A2781" s="13"/>
      <c r="B2781" s="14"/>
      <c r="C2781" s="13"/>
      <c r="D2781" s="14"/>
      <c r="E2781" s="14"/>
      <c r="F2781" s="16"/>
      <c r="G2781" s="2"/>
      <c r="H2781" s="2"/>
      <c r="I2781" s="2"/>
      <c r="J2781" s="2"/>
      <c r="K2781" s="2"/>
      <c r="L2781" s="2"/>
    </row>
    <row r="2782" spans="1:12" s="17" customFormat="1" ht="27" customHeight="1" x14ac:dyDescent="0.15">
      <c r="A2782" s="13"/>
      <c r="B2782" s="14"/>
      <c r="C2782" s="13"/>
      <c r="D2782" s="14"/>
      <c r="E2782" s="14"/>
      <c r="F2782" s="16"/>
      <c r="G2782" s="2"/>
      <c r="H2782" s="2"/>
      <c r="I2782" s="2"/>
      <c r="J2782" s="2"/>
      <c r="K2782" s="2"/>
      <c r="L2782" s="2"/>
    </row>
    <row r="2783" spans="1:12" s="17" customFormat="1" ht="27" customHeight="1" x14ac:dyDescent="0.15">
      <c r="A2783" s="13"/>
      <c r="B2783" s="14"/>
      <c r="C2783" s="13"/>
      <c r="D2783" s="14"/>
      <c r="E2783" s="14"/>
      <c r="F2783" s="16"/>
      <c r="G2783" s="2"/>
      <c r="H2783" s="2"/>
      <c r="I2783" s="2"/>
      <c r="J2783" s="2"/>
      <c r="K2783" s="2"/>
      <c r="L2783" s="2"/>
    </row>
    <row r="2784" spans="1:12" s="17" customFormat="1" ht="27" customHeight="1" x14ac:dyDescent="0.15">
      <c r="A2784" s="13"/>
      <c r="B2784" s="14"/>
      <c r="C2784" s="13"/>
      <c r="D2784" s="14"/>
      <c r="E2784" s="14"/>
      <c r="F2784" s="16"/>
      <c r="G2784" s="2"/>
      <c r="H2784" s="2"/>
      <c r="I2784" s="2"/>
      <c r="J2784" s="2"/>
      <c r="K2784" s="2"/>
      <c r="L2784" s="2"/>
    </row>
    <row r="2785" spans="1:12" s="17" customFormat="1" ht="27" customHeight="1" x14ac:dyDescent="0.15">
      <c r="A2785" s="13"/>
      <c r="B2785" s="14"/>
      <c r="C2785" s="13"/>
      <c r="D2785" s="14"/>
      <c r="E2785" s="14"/>
      <c r="F2785" s="16"/>
      <c r="G2785" s="2"/>
      <c r="H2785" s="2"/>
      <c r="I2785" s="2"/>
      <c r="J2785" s="2"/>
      <c r="K2785" s="2"/>
      <c r="L2785" s="2"/>
    </row>
    <row r="2786" spans="1:12" s="17" customFormat="1" ht="27" customHeight="1" x14ac:dyDescent="0.15">
      <c r="A2786" s="13"/>
      <c r="B2786" s="14"/>
      <c r="C2786" s="13"/>
      <c r="D2786" s="14"/>
      <c r="E2786" s="14"/>
      <c r="F2786" s="16"/>
      <c r="G2786" s="2"/>
      <c r="H2786" s="2"/>
      <c r="I2786" s="2"/>
      <c r="J2786" s="2"/>
      <c r="K2786" s="2"/>
      <c r="L2786" s="2"/>
    </row>
    <row r="2787" spans="1:12" s="17" customFormat="1" ht="27" customHeight="1" x14ac:dyDescent="0.15">
      <c r="A2787" s="13"/>
      <c r="B2787" s="14"/>
      <c r="C2787" s="13"/>
      <c r="D2787" s="14"/>
      <c r="E2787" s="14"/>
      <c r="F2787" s="16"/>
      <c r="G2787" s="2"/>
      <c r="H2787" s="2"/>
      <c r="I2787" s="2"/>
      <c r="J2787" s="2"/>
      <c r="K2787" s="2"/>
      <c r="L2787" s="2"/>
    </row>
    <row r="2788" spans="1:12" s="17" customFormat="1" ht="27" customHeight="1" x14ac:dyDescent="0.15">
      <c r="A2788" s="13"/>
      <c r="B2788" s="14"/>
      <c r="C2788" s="13"/>
      <c r="D2788" s="14"/>
      <c r="E2788" s="14"/>
      <c r="F2788" s="16"/>
      <c r="G2788" s="2"/>
      <c r="H2788" s="2"/>
      <c r="I2788" s="2"/>
      <c r="J2788" s="2"/>
      <c r="K2788" s="2"/>
      <c r="L2788" s="2"/>
    </row>
    <row r="2789" spans="1:12" s="17" customFormat="1" ht="27" customHeight="1" x14ac:dyDescent="0.15">
      <c r="A2789" s="13"/>
      <c r="B2789" s="14"/>
      <c r="C2789" s="13"/>
      <c r="D2789" s="14"/>
      <c r="E2789" s="14"/>
      <c r="F2789" s="16"/>
      <c r="G2789" s="2"/>
      <c r="H2789" s="2"/>
      <c r="I2789" s="2"/>
      <c r="J2789" s="2"/>
      <c r="K2789" s="2"/>
      <c r="L2789" s="2"/>
    </row>
    <row r="2790" spans="1:12" s="17" customFormat="1" ht="27" customHeight="1" x14ac:dyDescent="0.15">
      <c r="A2790" s="13"/>
      <c r="B2790" s="14"/>
      <c r="C2790" s="13"/>
      <c r="D2790" s="14"/>
      <c r="E2790" s="14"/>
      <c r="F2790" s="16"/>
      <c r="G2790" s="2"/>
      <c r="H2790" s="2"/>
      <c r="I2790" s="2"/>
      <c r="J2790" s="2"/>
      <c r="K2790" s="2"/>
      <c r="L2790" s="2"/>
    </row>
    <row r="2791" spans="1:12" s="17" customFormat="1" ht="27" customHeight="1" x14ac:dyDescent="0.15">
      <c r="A2791" s="13"/>
      <c r="B2791" s="14"/>
      <c r="C2791" s="13"/>
      <c r="D2791" s="14"/>
      <c r="E2791" s="14"/>
      <c r="F2791" s="16"/>
      <c r="G2791" s="2"/>
      <c r="H2791" s="2"/>
      <c r="I2791" s="2"/>
      <c r="J2791" s="2"/>
      <c r="K2791" s="2"/>
      <c r="L2791" s="2"/>
    </row>
    <row r="2792" spans="1:12" s="17" customFormat="1" ht="27" customHeight="1" x14ac:dyDescent="0.15">
      <c r="A2792" s="13"/>
      <c r="B2792" s="14"/>
      <c r="C2792" s="13"/>
      <c r="D2792" s="14"/>
      <c r="E2792" s="14"/>
      <c r="F2792" s="16"/>
      <c r="G2792" s="2"/>
      <c r="H2792" s="2"/>
      <c r="I2792" s="2"/>
      <c r="J2792" s="2"/>
      <c r="K2792" s="2"/>
      <c r="L2792" s="2"/>
    </row>
    <row r="2793" spans="1:12" s="17" customFormat="1" ht="27" customHeight="1" x14ac:dyDescent="0.15">
      <c r="A2793" s="13"/>
      <c r="B2793" s="14"/>
      <c r="C2793" s="13"/>
      <c r="D2793" s="14"/>
      <c r="E2793" s="14"/>
      <c r="F2793" s="16"/>
      <c r="G2793" s="2"/>
      <c r="H2793" s="2"/>
      <c r="I2793" s="2"/>
      <c r="J2793" s="2"/>
      <c r="K2793" s="2"/>
      <c r="L2793" s="2"/>
    </row>
    <row r="2794" spans="1:12" s="17" customFormat="1" ht="27" customHeight="1" x14ac:dyDescent="0.15">
      <c r="A2794" s="13"/>
      <c r="B2794" s="14"/>
      <c r="C2794" s="13"/>
      <c r="D2794" s="14"/>
      <c r="E2794" s="14"/>
      <c r="F2794" s="16"/>
      <c r="G2794" s="2"/>
      <c r="H2794" s="2"/>
      <c r="I2794" s="2"/>
      <c r="J2794" s="2"/>
      <c r="K2794" s="2"/>
      <c r="L2794" s="2"/>
    </row>
    <row r="2795" spans="1:12" s="17" customFormat="1" ht="27" customHeight="1" x14ac:dyDescent="0.15">
      <c r="A2795" s="13"/>
      <c r="B2795" s="14"/>
      <c r="C2795" s="13"/>
      <c r="D2795" s="14"/>
      <c r="E2795" s="14"/>
      <c r="F2795" s="16"/>
      <c r="G2795" s="2"/>
      <c r="H2795" s="2"/>
      <c r="I2795" s="2"/>
      <c r="J2795" s="2"/>
      <c r="K2795" s="2"/>
      <c r="L2795" s="2"/>
    </row>
    <row r="2796" spans="1:12" s="17" customFormat="1" ht="27" customHeight="1" x14ac:dyDescent="0.15">
      <c r="A2796" s="13"/>
      <c r="B2796" s="14"/>
      <c r="C2796" s="13"/>
      <c r="D2796" s="14"/>
      <c r="E2796" s="14"/>
      <c r="F2796" s="16"/>
      <c r="G2796" s="2"/>
      <c r="H2796" s="2"/>
      <c r="I2796" s="2"/>
      <c r="J2796" s="2"/>
      <c r="K2796" s="2"/>
      <c r="L2796" s="2"/>
    </row>
    <row r="2797" spans="1:12" s="17" customFormat="1" ht="27" customHeight="1" x14ac:dyDescent="0.15">
      <c r="A2797" s="13"/>
      <c r="B2797" s="14"/>
      <c r="C2797" s="13"/>
      <c r="D2797" s="14"/>
      <c r="E2797" s="14"/>
      <c r="F2797" s="16"/>
      <c r="G2797" s="2"/>
      <c r="H2797" s="2"/>
      <c r="I2797" s="2"/>
      <c r="J2797" s="2"/>
      <c r="K2797" s="2"/>
      <c r="L2797" s="2"/>
    </row>
    <row r="2798" spans="1:12" s="17" customFormat="1" ht="27" customHeight="1" x14ac:dyDescent="0.15">
      <c r="A2798" s="13"/>
      <c r="B2798" s="14"/>
      <c r="C2798" s="13"/>
      <c r="D2798" s="14"/>
      <c r="E2798" s="14"/>
      <c r="F2798" s="16"/>
      <c r="G2798" s="2"/>
      <c r="H2798" s="2"/>
      <c r="I2798" s="2"/>
      <c r="J2798" s="2"/>
      <c r="K2798" s="2"/>
      <c r="L2798" s="2"/>
    </row>
    <row r="2799" spans="1:12" s="17" customFormat="1" ht="27" customHeight="1" x14ac:dyDescent="0.15">
      <c r="A2799" s="13"/>
      <c r="B2799" s="14"/>
      <c r="C2799" s="13"/>
      <c r="D2799" s="14"/>
      <c r="E2799" s="14"/>
      <c r="F2799" s="16"/>
      <c r="G2799" s="2"/>
      <c r="H2799" s="2"/>
      <c r="I2799" s="2"/>
      <c r="J2799" s="2"/>
      <c r="K2799" s="2"/>
      <c r="L2799" s="2"/>
    </row>
    <row r="2800" spans="1:12" s="17" customFormat="1" ht="27" customHeight="1" x14ac:dyDescent="0.15">
      <c r="A2800" s="13"/>
      <c r="B2800" s="14"/>
      <c r="C2800" s="13"/>
      <c r="D2800" s="14"/>
      <c r="E2800" s="14"/>
      <c r="F2800" s="16"/>
      <c r="G2800" s="2"/>
      <c r="H2800" s="2"/>
      <c r="I2800" s="2"/>
      <c r="J2800" s="2"/>
      <c r="K2800" s="2"/>
      <c r="L2800" s="2"/>
    </row>
    <row r="2801" spans="1:12" s="17" customFormat="1" ht="27" customHeight="1" x14ac:dyDescent="0.15">
      <c r="A2801" s="13"/>
      <c r="B2801" s="14"/>
      <c r="C2801" s="13"/>
      <c r="D2801" s="14"/>
      <c r="E2801" s="14"/>
      <c r="F2801" s="16"/>
      <c r="G2801" s="2"/>
      <c r="H2801" s="2"/>
      <c r="I2801" s="2"/>
      <c r="J2801" s="2"/>
      <c r="K2801" s="2"/>
      <c r="L2801" s="2"/>
    </row>
    <row r="2802" spans="1:12" s="17" customFormat="1" ht="27" customHeight="1" x14ac:dyDescent="0.15">
      <c r="A2802" s="13"/>
      <c r="B2802" s="14"/>
      <c r="C2802" s="13"/>
      <c r="D2802" s="14"/>
      <c r="E2802" s="14"/>
      <c r="F2802" s="16"/>
      <c r="G2802" s="2"/>
      <c r="H2802" s="2"/>
      <c r="I2802" s="2"/>
      <c r="J2802" s="2"/>
      <c r="K2802" s="2"/>
      <c r="L2802" s="2"/>
    </row>
    <row r="2803" spans="1:12" s="17" customFormat="1" ht="27" customHeight="1" x14ac:dyDescent="0.15">
      <c r="A2803" s="13"/>
      <c r="B2803" s="14"/>
      <c r="C2803" s="13"/>
      <c r="D2803" s="14"/>
      <c r="E2803" s="14"/>
      <c r="F2803" s="16"/>
      <c r="G2803" s="2"/>
      <c r="H2803" s="2"/>
      <c r="I2803" s="2"/>
      <c r="J2803" s="2"/>
      <c r="K2803" s="2"/>
      <c r="L2803" s="2"/>
    </row>
    <row r="2804" spans="1:12" s="17" customFormat="1" ht="27" customHeight="1" x14ac:dyDescent="0.15">
      <c r="A2804" s="13"/>
      <c r="B2804" s="14"/>
      <c r="C2804" s="13"/>
      <c r="D2804" s="14"/>
      <c r="E2804" s="14"/>
      <c r="F2804" s="16"/>
      <c r="G2804" s="2"/>
      <c r="H2804" s="2"/>
      <c r="I2804" s="2"/>
      <c r="J2804" s="2"/>
      <c r="K2804" s="2"/>
      <c r="L2804" s="2"/>
    </row>
    <row r="2805" spans="1:12" s="17" customFormat="1" ht="27" customHeight="1" x14ac:dyDescent="0.15">
      <c r="A2805" s="13"/>
      <c r="B2805" s="14"/>
      <c r="C2805" s="13"/>
      <c r="D2805" s="14"/>
      <c r="E2805" s="14"/>
      <c r="F2805" s="16"/>
      <c r="G2805" s="2"/>
      <c r="H2805" s="2"/>
      <c r="I2805" s="2"/>
      <c r="J2805" s="2"/>
      <c r="K2805" s="2"/>
      <c r="L2805" s="2"/>
    </row>
    <row r="2806" spans="1:12" s="17" customFormat="1" ht="27" customHeight="1" x14ac:dyDescent="0.15">
      <c r="A2806" s="13"/>
      <c r="B2806" s="14"/>
      <c r="C2806" s="13"/>
      <c r="D2806" s="14"/>
      <c r="E2806" s="14"/>
      <c r="F2806" s="16"/>
      <c r="G2806" s="2"/>
      <c r="H2806" s="2"/>
      <c r="I2806" s="2"/>
      <c r="J2806" s="2"/>
      <c r="K2806" s="2"/>
      <c r="L2806" s="2"/>
    </row>
    <row r="2807" spans="1:12" s="17" customFormat="1" ht="27" customHeight="1" x14ac:dyDescent="0.15">
      <c r="A2807" s="13"/>
      <c r="B2807" s="14"/>
      <c r="C2807" s="13"/>
      <c r="D2807" s="14"/>
      <c r="E2807" s="14"/>
      <c r="F2807" s="16"/>
      <c r="G2807" s="2"/>
      <c r="H2807" s="2"/>
      <c r="I2807" s="2"/>
      <c r="J2807" s="2"/>
      <c r="K2807" s="2"/>
      <c r="L2807" s="2"/>
    </row>
    <row r="2808" spans="1:12" s="17" customFormat="1" ht="27" customHeight="1" x14ac:dyDescent="0.15">
      <c r="A2808" s="13"/>
      <c r="B2808" s="14"/>
      <c r="C2808" s="13"/>
      <c r="D2808" s="14"/>
      <c r="E2808" s="14"/>
      <c r="F2808" s="16"/>
      <c r="G2808" s="2"/>
      <c r="H2808" s="2"/>
      <c r="I2808" s="2"/>
      <c r="J2808" s="2"/>
      <c r="K2808" s="2"/>
      <c r="L2808" s="2"/>
    </row>
    <row r="2809" spans="1:12" s="17" customFormat="1" ht="27" customHeight="1" x14ac:dyDescent="0.15">
      <c r="A2809" s="13"/>
      <c r="B2809" s="14"/>
      <c r="C2809" s="13"/>
      <c r="D2809" s="14"/>
      <c r="E2809" s="14"/>
      <c r="F2809" s="16"/>
      <c r="G2809" s="2"/>
      <c r="H2809" s="2"/>
      <c r="I2809" s="2"/>
      <c r="J2809" s="2"/>
      <c r="K2809" s="2"/>
      <c r="L2809" s="2"/>
    </row>
    <row r="2810" spans="1:12" s="17" customFormat="1" ht="27" customHeight="1" x14ac:dyDescent="0.15">
      <c r="A2810" s="13"/>
      <c r="B2810" s="14"/>
      <c r="C2810" s="13"/>
      <c r="D2810" s="14"/>
      <c r="E2810" s="14"/>
      <c r="F2810" s="16"/>
      <c r="G2810" s="2"/>
      <c r="H2810" s="2"/>
      <c r="I2810" s="2"/>
      <c r="J2810" s="2"/>
      <c r="K2810" s="2"/>
      <c r="L2810" s="2"/>
    </row>
    <row r="2811" spans="1:12" s="17" customFormat="1" ht="27" customHeight="1" x14ac:dyDescent="0.15">
      <c r="A2811" s="13"/>
      <c r="B2811" s="14"/>
      <c r="C2811" s="13"/>
      <c r="D2811" s="14"/>
      <c r="E2811" s="14"/>
      <c r="F2811" s="16"/>
      <c r="G2811" s="2"/>
      <c r="H2811" s="2"/>
      <c r="I2811" s="2"/>
      <c r="J2811" s="2"/>
      <c r="K2811" s="2"/>
      <c r="L2811" s="2"/>
    </row>
    <row r="2812" spans="1:12" s="17" customFormat="1" ht="27" customHeight="1" x14ac:dyDescent="0.15">
      <c r="A2812" s="13"/>
      <c r="B2812" s="14"/>
      <c r="C2812" s="13"/>
      <c r="D2812" s="14"/>
      <c r="E2812" s="14"/>
      <c r="F2812" s="16"/>
      <c r="G2812" s="2"/>
      <c r="H2812" s="2"/>
      <c r="I2812" s="2"/>
      <c r="J2812" s="2"/>
      <c r="K2812" s="2"/>
      <c r="L2812" s="2"/>
    </row>
    <row r="2813" spans="1:12" s="17" customFormat="1" ht="27" customHeight="1" x14ac:dyDescent="0.15">
      <c r="A2813" s="13"/>
      <c r="B2813" s="14"/>
      <c r="C2813" s="13"/>
      <c r="D2813" s="14"/>
      <c r="E2813" s="14"/>
      <c r="F2813" s="16"/>
      <c r="G2813" s="2"/>
      <c r="H2813" s="2"/>
      <c r="I2813" s="2"/>
      <c r="J2813" s="2"/>
      <c r="K2813" s="2"/>
      <c r="L2813" s="2"/>
    </row>
    <row r="2814" spans="1:12" s="17" customFormat="1" ht="27" customHeight="1" x14ac:dyDescent="0.15">
      <c r="A2814" s="13"/>
      <c r="B2814" s="14"/>
      <c r="C2814" s="13"/>
      <c r="D2814" s="14"/>
      <c r="E2814" s="14"/>
      <c r="F2814" s="16"/>
      <c r="G2814" s="2"/>
      <c r="H2814" s="2"/>
      <c r="I2814" s="2"/>
      <c r="J2814" s="2"/>
      <c r="K2814" s="2"/>
      <c r="L2814" s="2"/>
    </row>
    <row r="2815" spans="1:12" s="17" customFormat="1" ht="27" customHeight="1" x14ac:dyDescent="0.15">
      <c r="A2815" s="13"/>
      <c r="B2815" s="14"/>
      <c r="C2815" s="13"/>
      <c r="D2815" s="14"/>
      <c r="E2815" s="14"/>
      <c r="F2815" s="16"/>
      <c r="G2815" s="2"/>
      <c r="H2815" s="2"/>
      <c r="I2815" s="2"/>
      <c r="J2815" s="2"/>
      <c r="K2815" s="2"/>
      <c r="L2815" s="2"/>
    </row>
    <row r="2816" spans="1:12" s="17" customFormat="1" ht="27" customHeight="1" x14ac:dyDescent="0.15">
      <c r="A2816" s="13"/>
      <c r="B2816" s="14"/>
      <c r="C2816" s="13"/>
      <c r="D2816" s="14"/>
      <c r="E2816" s="14"/>
      <c r="F2816" s="16"/>
      <c r="G2816" s="2"/>
      <c r="H2816" s="2"/>
      <c r="I2816" s="2"/>
      <c r="J2816" s="2"/>
      <c r="K2816" s="2"/>
      <c r="L2816" s="2"/>
    </row>
    <row r="2817" spans="1:12" s="17" customFormat="1" ht="27" customHeight="1" x14ac:dyDescent="0.15">
      <c r="A2817" s="13"/>
      <c r="B2817" s="14"/>
      <c r="C2817" s="13"/>
      <c r="D2817" s="14"/>
      <c r="E2817" s="14"/>
      <c r="F2817" s="16"/>
      <c r="G2817" s="2"/>
      <c r="H2817" s="2"/>
      <c r="I2817" s="2"/>
      <c r="J2817" s="2"/>
      <c r="K2817" s="2"/>
      <c r="L2817" s="2"/>
    </row>
    <row r="2818" spans="1:12" s="17" customFormat="1" ht="27" customHeight="1" x14ac:dyDescent="0.15">
      <c r="A2818" s="13"/>
      <c r="B2818" s="14"/>
      <c r="C2818" s="13"/>
      <c r="D2818" s="14"/>
      <c r="E2818" s="14"/>
      <c r="F2818" s="16"/>
      <c r="G2818" s="2"/>
      <c r="H2818" s="2"/>
      <c r="I2818" s="2"/>
      <c r="J2818" s="2"/>
      <c r="K2818" s="2"/>
      <c r="L2818" s="2"/>
    </row>
    <row r="2819" spans="1:12" s="17" customFormat="1" ht="27" customHeight="1" x14ac:dyDescent="0.15">
      <c r="A2819" s="13"/>
      <c r="B2819" s="14"/>
      <c r="C2819" s="13"/>
      <c r="D2819" s="14"/>
      <c r="E2819" s="14"/>
      <c r="F2819" s="16"/>
      <c r="G2819" s="2"/>
      <c r="H2819" s="2"/>
      <c r="I2819" s="2"/>
      <c r="J2819" s="2"/>
      <c r="K2819" s="2"/>
      <c r="L2819" s="2"/>
    </row>
    <row r="2820" spans="1:12" s="17" customFormat="1" ht="27" customHeight="1" x14ac:dyDescent="0.15">
      <c r="A2820" s="13"/>
      <c r="B2820" s="14"/>
      <c r="C2820" s="13"/>
      <c r="D2820" s="14"/>
      <c r="E2820" s="14"/>
      <c r="F2820" s="16"/>
      <c r="G2820" s="2"/>
      <c r="H2820" s="2"/>
      <c r="I2820" s="2"/>
      <c r="J2820" s="2"/>
      <c r="K2820" s="2"/>
      <c r="L2820" s="2"/>
    </row>
    <row r="2821" spans="1:12" s="17" customFormat="1" ht="27" customHeight="1" x14ac:dyDescent="0.15">
      <c r="A2821" s="13"/>
      <c r="B2821" s="14"/>
      <c r="C2821" s="13"/>
      <c r="D2821" s="14"/>
      <c r="E2821" s="14"/>
      <c r="F2821" s="16"/>
      <c r="G2821" s="2"/>
      <c r="H2821" s="2"/>
      <c r="I2821" s="2"/>
      <c r="J2821" s="2"/>
      <c r="K2821" s="2"/>
      <c r="L2821" s="2"/>
    </row>
    <row r="2822" spans="1:12" s="17" customFormat="1" ht="27" customHeight="1" x14ac:dyDescent="0.15">
      <c r="A2822" s="13"/>
      <c r="B2822" s="14"/>
      <c r="C2822" s="13"/>
      <c r="D2822" s="14"/>
      <c r="E2822" s="14"/>
      <c r="F2822" s="16"/>
      <c r="G2822" s="2"/>
      <c r="H2822" s="2"/>
      <c r="I2822" s="2"/>
      <c r="J2822" s="2"/>
      <c r="K2822" s="2"/>
      <c r="L2822" s="2"/>
    </row>
    <row r="2823" spans="1:12" s="17" customFormat="1" ht="27" customHeight="1" x14ac:dyDescent="0.15">
      <c r="A2823" s="13"/>
      <c r="B2823" s="14"/>
      <c r="C2823" s="13"/>
      <c r="D2823" s="14"/>
      <c r="E2823" s="14"/>
      <c r="F2823" s="16"/>
      <c r="G2823" s="2"/>
      <c r="H2823" s="2"/>
      <c r="I2823" s="2"/>
      <c r="J2823" s="2"/>
      <c r="K2823" s="2"/>
      <c r="L2823" s="2"/>
    </row>
    <row r="2824" spans="1:12" s="17" customFormat="1" ht="27" customHeight="1" x14ac:dyDescent="0.15">
      <c r="A2824" s="13"/>
      <c r="B2824" s="14"/>
      <c r="C2824" s="13"/>
      <c r="D2824" s="14"/>
      <c r="E2824" s="14"/>
      <c r="F2824" s="16"/>
      <c r="G2824" s="2"/>
      <c r="H2824" s="2"/>
      <c r="I2824" s="2"/>
      <c r="J2824" s="2"/>
      <c r="K2824" s="2"/>
      <c r="L2824" s="2"/>
    </row>
    <row r="2825" spans="1:12" s="17" customFormat="1" ht="27" customHeight="1" x14ac:dyDescent="0.15">
      <c r="A2825" s="13"/>
      <c r="B2825" s="14"/>
      <c r="C2825" s="13"/>
      <c r="D2825" s="14"/>
      <c r="E2825" s="14"/>
      <c r="F2825" s="16"/>
      <c r="G2825" s="2"/>
      <c r="H2825" s="2"/>
      <c r="I2825" s="2"/>
      <c r="J2825" s="2"/>
      <c r="K2825" s="2"/>
      <c r="L2825" s="2"/>
    </row>
    <row r="2826" spans="1:12" s="17" customFormat="1" ht="27" customHeight="1" x14ac:dyDescent="0.15">
      <c r="A2826" s="13"/>
      <c r="B2826" s="14"/>
      <c r="C2826" s="13"/>
      <c r="D2826" s="14"/>
      <c r="E2826" s="14"/>
      <c r="F2826" s="16"/>
      <c r="G2826" s="2"/>
      <c r="H2826" s="2"/>
      <c r="I2826" s="2"/>
      <c r="J2826" s="2"/>
      <c r="K2826" s="2"/>
      <c r="L2826" s="2"/>
    </row>
    <row r="2827" spans="1:12" s="17" customFormat="1" ht="27" customHeight="1" x14ac:dyDescent="0.15">
      <c r="A2827" s="13"/>
      <c r="B2827" s="14"/>
      <c r="C2827" s="13"/>
      <c r="D2827" s="14"/>
      <c r="E2827" s="14"/>
      <c r="F2827" s="16"/>
      <c r="G2827" s="2"/>
      <c r="H2827" s="2"/>
      <c r="I2827" s="2"/>
      <c r="J2827" s="2"/>
      <c r="K2827" s="2"/>
      <c r="L2827" s="2"/>
    </row>
    <row r="2828" spans="1:12" s="17" customFormat="1" ht="27" customHeight="1" x14ac:dyDescent="0.15">
      <c r="A2828" s="13"/>
      <c r="B2828" s="14"/>
      <c r="C2828" s="13"/>
      <c r="D2828" s="14"/>
      <c r="E2828" s="14"/>
      <c r="F2828" s="16"/>
      <c r="G2828" s="2"/>
      <c r="H2828" s="2"/>
      <c r="I2828" s="2"/>
      <c r="J2828" s="2"/>
      <c r="K2828" s="2"/>
      <c r="L2828" s="2"/>
    </row>
    <row r="2829" spans="1:12" s="17" customFormat="1" ht="27" customHeight="1" x14ac:dyDescent="0.15">
      <c r="A2829" s="13"/>
      <c r="B2829" s="14"/>
      <c r="C2829" s="13"/>
      <c r="D2829" s="14"/>
      <c r="E2829" s="14"/>
      <c r="F2829" s="16"/>
      <c r="G2829" s="2"/>
      <c r="H2829" s="2"/>
      <c r="I2829" s="2"/>
      <c r="J2829" s="2"/>
      <c r="K2829" s="2"/>
      <c r="L2829" s="2"/>
    </row>
    <row r="2830" spans="1:12" s="17" customFormat="1" ht="27" customHeight="1" x14ac:dyDescent="0.15">
      <c r="A2830" s="13"/>
      <c r="B2830" s="14"/>
      <c r="C2830" s="13"/>
      <c r="D2830" s="14"/>
      <c r="E2830" s="14"/>
      <c r="F2830" s="16"/>
      <c r="G2830" s="2"/>
      <c r="H2830" s="2"/>
      <c r="I2830" s="2"/>
      <c r="J2830" s="2"/>
      <c r="K2830" s="2"/>
      <c r="L2830" s="2"/>
    </row>
    <row r="2831" spans="1:12" s="17" customFormat="1" ht="27" customHeight="1" x14ac:dyDescent="0.15">
      <c r="A2831" s="13"/>
      <c r="B2831" s="14"/>
      <c r="C2831" s="13"/>
      <c r="D2831" s="14"/>
      <c r="E2831" s="14"/>
      <c r="F2831" s="16"/>
      <c r="G2831" s="2"/>
      <c r="H2831" s="2"/>
      <c r="I2831" s="2"/>
      <c r="J2831" s="2"/>
      <c r="K2831" s="2"/>
      <c r="L2831" s="2"/>
    </row>
    <row r="2832" spans="1:12" s="17" customFormat="1" ht="27" customHeight="1" x14ac:dyDescent="0.15">
      <c r="A2832" s="13"/>
      <c r="B2832" s="14"/>
      <c r="C2832" s="13"/>
      <c r="D2832" s="14"/>
      <c r="E2832" s="14"/>
      <c r="F2832" s="16"/>
      <c r="G2832" s="2"/>
      <c r="H2832" s="2"/>
      <c r="I2832" s="2"/>
      <c r="J2832" s="2"/>
      <c r="K2832" s="2"/>
      <c r="L2832" s="2"/>
    </row>
    <row r="2833" spans="1:12" s="17" customFormat="1" ht="27" customHeight="1" x14ac:dyDescent="0.15">
      <c r="A2833" s="13"/>
      <c r="B2833" s="14"/>
      <c r="C2833" s="13"/>
      <c r="D2833" s="14"/>
      <c r="E2833" s="14"/>
      <c r="F2833" s="16"/>
      <c r="G2833" s="2"/>
      <c r="H2833" s="2"/>
      <c r="I2833" s="2"/>
      <c r="J2833" s="2"/>
      <c r="K2833" s="2"/>
      <c r="L2833" s="2"/>
    </row>
    <row r="2834" spans="1:12" s="17" customFormat="1" ht="27" customHeight="1" x14ac:dyDescent="0.15">
      <c r="A2834" s="13"/>
      <c r="B2834" s="14"/>
      <c r="C2834" s="13"/>
      <c r="D2834" s="14"/>
      <c r="E2834" s="14"/>
      <c r="F2834" s="16"/>
      <c r="G2834" s="2"/>
      <c r="H2834" s="2"/>
      <c r="I2834" s="2"/>
      <c r="J2834" s="2"/>
      <c r="K2834" s="2"/>
      <c r="L2834" s="2"/>
    </row>
    <row r="2835" spans="1:12" s="17" customFormat="1" ht="27" customHeight="1" x14ac:dyDescent="0.15">
      <c r="A2835" s="13"/>
      <c r="B2835" s="14"/>
      <c r="C2835" s="13"/>
      <c r="D2835" s="14"/>
      <c r="E2835" s="14"/>
      <c r="F2835" s="16"/>
      <c r="G2835" s="2"/>
      <c r="H2835" s="2"/>
      <c r="I2835" s="2"/>
      <c r="J2835" s="2"/>
      <c r="K2835" s="2"/>
      <c r="L2835" s="2"/>
    </row>
    <row r="2836" spans="1:12" s="17" customFormat="1" ht="27" customHeight="1" x14ac:dyDescent="0.15">
      <c r="A2836" s="13"/>
      <c r="B2836" s="14"/>
      <c r="C2836" s="13"/>
      <c r="D2836" s="14"/>
      <c r="E2836" s="14"/>
      <c r="F2836" s="16"/>
      <c r="G2836" s="2"/>
      <c r="H2836" s="2"/>
      <c r="I2836" s="2"/>
      <c r="J2836" s="2"/>
      <c r="K2836" s="2"/>
      <c r="L2836" s="2"/>
    </row>
    <row r="2837" spans="1:12" s="17" customFormat="1" ht="27" customHeight="1" x14ac:dyDescent="0.15">
      <c r="A2837" s="13"/>
      <c r="B2837" s="14"/>
      <c r="C2837" s="13"/>
      <c r="D2837" s="14"/>
      <c r="E2837" s="14"/>
      <c r="F2837" s="16"/>
      <c r="G2837" s="2"/>
      <c r="H2837" s="2"/>
      <c r="I2837" s="2"/>
      <c r="J2837" s="2"/>
      <c r="K2837" s="2"/>
      <c r="L2837" s="2"/>
    </row>
    <row r="2838" spans="1:12" s="17" customFormat="1" ht="27" customHeight="1" x14ac:dyDescent="0.15">
      <c r="A2838" s="13"/>
      <c r="B2838" s="14"/>
      <c r="C2838" s="13"/>
      <c r="D2838" s="14"/>
      <c r="E2838" s="14"/>
      <c r="F2838" s="16"/>
      <c r="G2838" s="2"/>
      <c r="H2838" s="2"/>
      <c r="I2838" s="2"/>
      <c r="J2838" s="2"/>
      <c r="K2838" s="2"/>
      <c r="L2838" s="2"/>
    </row>
    <row r="2839" spans="1:12" s="17" customFormat="1" ht="27" customHeight="1" x14ac:dyDescent="0.15">
      <c r="A2839" s="13"/>
      <c r="B2839" s="14"/>
      <c r="C2839" s="13"/>
      <c r="D2839" s="14"/>
      <c r="E2839" s="14"/>
      <c r="F2839" s="16"/>
      <c r="G2839" s="2"/>
      <c r="H2839" s="2"/>
      <c r="I2839" s="2"/>
      <c r="J2839" s="2"/>
      <c r="K2839" s="2"/>
      <c r="L2839" s="2"/>
    </row>
    <row r="2840" spans="1:12" s="17" customFormat="1" ht="27" customHeight="1" x14ac:dyDescent="0.15">
      <c r="A2840" s="13"/>
      <c r="B2840" s="14"/>
      <c r="C2840" s="13"/>
      <c r="D2840" s="14"/>
      <c r="E2840" s="14"/>
      <c r="F2840" s="16"/>
      <c r="G2840" s="2"/>
      <c r="H2840" s="2"/>
      <c r="I2840" s="2"/>
      <c r="J2840" s="2"/>
      <c r="K2840" s="2"/>
      <c r="L2840" s="2"/>
    </row>
    <row r="2841" spans="1:12" s="17" customFormat="1" ht="27" customHeight="1" x14ac:dyDescent="0.15">
      <c r="A2841" s="13"/>
      <c r="B2841" s="14"/>
      <c r="C2841" s="13"/>
      <c r="D2841" s="14"/>
      <c r="E2841" s="14"/>
      <c r="F2841" s="16"/>
      <c r="G2841" s="2"/>
      <c r="H2841" s="2"/>
      <c r="I2841" s="2"/>
      <c r="J2841" s="2"/>
      <c r="K2841" s="2"/>
      <c r="L2841" s="2"/>
    </row>
    <row r="2842" spans="1:12" s="17" customFormat="1" ht="27" customHeight="1" x14ac:dyDescent="0.15">
      <c r="A2842" s="13"/>
      <c r="B2842" s="14"/>
      <c r="C2842" s="13"/>
      <c r="D2842" s="14"/>
      <c r="E2842" s="14"/>
      <c r="F2842" s="16"/>
      <c r="G2842" s="2"/>
      <c r="H2842" s="2"/>
      <c r="I2842" s="2"/>
      <c r="J2842" s="2"/>
      <c r="K2842" s="2"/>
      <c r="L2842" s="2"/>
    </row>
    <row r="2843" spans="1:12" s="17" customFormat="1" ht="27" customHeight="1" x14ac:dyDescent="0.15">
      <c r="A2843" s="13"/>
      <c r="B2843" s="14"/>
      <c r="C2843" s="13"/>
      <c r="D2843" s="14"/>
      <c r="E2843" s="14"/>
      <c r="F2843" s="16"/>
      <c r="G2843" s="2"/>
      <c r="H2843" s="2"/>
      <c r="I2843" s="2"/>
      <c r="J2843" s="2"/>
      <c r="K2843" s="2"/>
      <c r="L2843" s="2"/>
    </row>
    <row r="2844" spans="1:12" s="17" customFormat="1" ht="27" customHeight="1" x14ac:dyDescent="0.15">
      <c r="A2844" s="13"/>
      <c r="B2844" s="14"/>
      <c r="C2844" s="13"/>
      <c r="D2844" s="14"/>
      <c r="E2844" s="14"/>
      <c r="F2844" s="16"/>
      <c r="G2844" s="2"/>
      <c r="H2844" s="2"/>
      <c r="I2844" s="2"/>
      <c r="J2844" s="2"/>
      <c r="K2844" s="2"/>
      <c r="L2844" s="2"/>
    </row>
    <row r="2845" spans="1:12" s="17" customFormat="1" ht="27" customHeight="1" x14ac:dyDescent="0.15">
      <c r="A2845" s="13"/>
      <c r="B2845" s="14"/>
      <c r="C2845" s="13"/>
      <c r="D2845" s="14"/>
      <c r="E2845" s="14"/>
      <c r="F2845" s="16"/>
      <c r="G2845" s="2"/>
      <c r="H2845" s="2"/>
      <c r="I2845" s="2"/>
      <c r="J2845" s="2"/>
      <c r="K2845" s="2"/>
      <c r="L2845" s="2"/>
    </row>
    <row r="2846" spans="1:12" s="17" customFormat="1" ht="27" customHeight="1" x14ac:dyDescent="0.15">
      <c r="A2846" s="13"/>
      <c r="B2846" s="14"/>
      <c r="C2846" s="13"/>
      <c r="D2846" s="14"/>
      <c r="E2846" s="14"/>
      <c r="F2846" s="16"/>
      <c r="G2846" s="2"/>
      <c r="H2846" s="2"/>
      <c r="I2846" s="2"/>
      <c r="J2846" s="2"/>
      <c r="K2846" s="2"/>
      <c r="L2846" s="2"/>
    </row>
    <row r="2847" spans="1:12" s="17" customFormat="1" ht="27" customHeight="1" x14ac:dyDescent="0.15">
      <c r="A2847" s="13"/>
      <c r="B2847" s="14"/>
      <c r="C2847" s="13"/>
      <c r="D2847" s="14"/>
      <c r="E2847" s="14"/>
      <c r="F2847" s="16"/>
      <c r="G2847" s="2"/>
      <c r="H2847" s="2"/>
      <c r="I2847" s="2"/>
      <c r="J2847" s="2"/>
      <c r="K2847" s="2"/>
      <c r="L2847" s="2"/>
    </row>
    <row r="2848" spans="1:12" s="17" customFormat="1" ht="27" customHeight="1" x14ac:dyDescent="0.15">
      <c r="A2848" s="13"/>
      <c r="B2848" s="14"/>
      <c r="C2848" s="13"/>
      <c r="D2848" s="14"/>
      <c r="E2848" s="14"/>
      <c r="F2848" s="16"/>
      <c r="G2848" s="2"/>
      <c r="H2848" s="2"/>
      <c r="I2848" s="2"/>
      <c r="J2848" s="2"/>
      <c r="K2848" s="2"/>
      <c r="L2848" s="2"/>
    </row>
    <row r="2849" spans="1:12" s="17" customFormat="1" ht="27" customHeight="1" x14ac:dyDescent="0.15">
      <c r="A2849" s="13"/>
      <c r="B2849" s="14"/>
      <c r="C2849" s="13"/>
      <c r="D2849" s="14"/>
      <c r="E2849" s="14"/>
      <c r="F2849" s="16"/>
      <c r="G2849" s="2"/>
      <c r="H2849" s="2"/>
      <c r="I2849" s="2"/>
      <c r="J2849" s="2"/>
      <c r="K2849" s="2"/>
      <c r="L2849" s="2"/>
    </row>
    <row r="2850" spans="1:12" s="17" customFormat="1" ht="27" customHeight="1" x14ac:dyDescent="0.15">
      <c r="A2850" s="13"/>
      <c r="B2850" s="14"/>
      <c r="C2850" s="13"/>
      <c r="D2850" s="14"/>
      <c r="E2850" s="14"/>
      <c r="F2850" s="16"/>
      <c r="G2850" s="2"/>
      <c r="H2850" s="2"/>
      <c r="I2850" s="2"/>
      <c r="J2850" s="2"/>
      <c r="K2850" s="2"/>
      <c r="L2850" s="2"/>
    </row>
    <row r="2851" spans="1:12" s="17" customFormat="1" ht="27" customHeight="1" x14ac:dyDescent="0.15">
      <c r="A2851" s="13"/>
      <c r="B2851" s="14"/>
      <c r="C2851" s="13"/>
      <c r="D2851" s="14"/>
      <c r="E2851" s="14"/>
      <c r="F2851" s="16"/>
      <c r="G2851" s="2"/>
      <c r="H2851" s="2"/>
      <c r="I2851" s="2"/>
      <c r="J2851" s="2"/>
      <c r="K2851" s="2"/>
      <c r="L2851" s="2"/>
    </row>
    <row r="2852" spans="1:12" s="17" customFormat="1" ht="27" customHeight="1" x14ac:dyDescent="0.15">
      <c r="A2852" s="13"/>
      <c r="B2852" s="14"/>
      <c r="C2852" s="13"/>
      <c r="D2852" s="14"/>
      <c r="E2852" s="14"/>
      <c r="F2852" s="16"/>
      <c r="G2852" s="2"/>
      <c r="H2852" s="2"/>
      <c r="I2852" s="2"/>
      <c r="J2852" s="2"/>
      <c r="K2852" s="2"/>
      <c r="L2852" s="2"/>
    </row>
    <row r="2853" spans="1:12" s="17" customFormat="1" ht="27" customHeight="1" x14ac:dyDescent="0.15">
      <c r="A2853" s="13"/>
      <c r="B2853" s="14"/>
      <c r="C2853" s="13"/>
      <c r="D2853" s="14"/>
      <c r="E2853" s="14"/>
      <c r="F2853" s="16"/>
      <c r="G2853" s="2"/>
      <c r="H2853" s="2"/>
      <c r="I2853" s="2"/>
      <c r="J2853" s="2"/>
      <c r="K2853" s="2"/>
      <c r="L2853" s="2"/>
    </row>
    <row r="2854" spans="1:12" s="17" customFormat="1" ht="27" customHeight="1" x14ac:dyDescent="0.15">
      <c r="A2854" s="13"/>
      <c r="B2854" s="14"/>
      <c r="C2854" s="13"/>
      <c r="D2854" s="14"/>
      <c r="E2854" s="14"/>
      <c r="F2854" s="16"/>
      <c r="G2854" s="2"/>
      <c r="H2854" s="2"/>
      <c r="I2854" s="2"/>
      <c r="J2854" s="2"/>
      <c r="K2854" s="2"/>
      <c r="L2854" s="2"/>
    </row>
    <row r="2855" spans="1:12" s="17" customFormat="1" ht="27" customHeight="1" x14ac:dyDescent="0.15">
      <c r="A2855" s="13"/>
      <c r="B2855" s="14"/>
      <c r="C2855" s="13"/>
      <c r="D2855" s="14"/>
      <c r="E2855" s="14"/>
      <c r="F2855" s="16"/>
      <c r="G2855" s="2"/>
      <c r="H2855" s="2"/>
      <c r="I2855" s="2"/>
      <c r="J2855" s="2"/>
      <c r="K2855" s="2"/>
      <c r="L2855" s="2"/>
    </row>
    <row r="2856" spans="1:12" s="17" customFormat="1" ht="27" customHeight="1" x14ac:dyDescent="0.15">
      <c r="A2856" s="13"/>
      <c r="B2856" s="14"/>
      <c r="C2856" s="13"/>
      <c r="D2856" s="14"/>
      <c r="E2856" s="14"/>
      <c r="F2856" s="16"/>
      <c r="G2856" s="2"/>
      <c r="H2856" s="2"/>
      <c r="I2856" s="2"/>
      <c r="J2856" s="2"/>
      <c r="K2856" s="2"/>
      <c r="L2856" s="2"/>
    </row>
    <row r="2857" spans="1:12" s="17" customFormat="1" ht="27" customHeight="1" x14ac:dyDescent="0.15">
      <c r="A2857" s="13"/>
      <c r="B2857" s="14"/>
      <c r="C2857" s="13"/>
      <c r="D2857" s="14"/>
      <c r="E2857" s="14"/>
      <c r="F2857" s="16"/>
      <c r="G2857" s="2"/>
      <c r="H2857" s="2"/>
      <c r="I2857" s="2"/>
      <c r="J2857" s="2"/>
      <c r="K2857" s="2"/>
      <c r="L2857" s="2"/>
    </row>
    <row r="2858" spans="1:12" s="17" customFormat="1" ht="27" customHeight="1" x14ac:dyDescent="0.15">
      <c r="A2858" s="13"/>
      <c r="B2858" s="14"/>
      <c r="C2858" s="13"/>
      <c r="D2858" s="14"/>
      <c r="E2858" s="14"/>
      <c r="F2858" s="16"/>
      <c r="G2858" s="2"/>
      <c r="H2858" s="2"/>
      <c r="I2858" s="2"/>
      <c r="J2858" s="2"/>
      <c r="K2858" s="2"/>
      <c r="L2858" s="2"/>
    </row>
    <row r="2859" spans="1:12" s="17" customFormat="1" ht="27" customHeight="1" x14ac:dyDescent="0.15">
      <c r="A2859" s="13"/>
      <c r="B2859" s="14"/>
      <c r="C2859" s="13"/>
      <c r="D2859" s="14"/>
      <c r="E2859" s="14"/>
      <c r="F2859" s="16"/>
      <c r="G2859" s="2"/>
      <c r="H2859" s="2"/>
      <c r="I2859" s="2"/>
      <c r="J2859" s="2"/>
      <c r="K2859" s="2"/>
      <c r="L2859" s="2"/>
    </row>
    <row r="2860" spans="1:12" s="17" customFormat="1" ht="27" customHeight="1" x14ac:dyDescent="0.15">
      <c r="A2860" s="13"/>
      <c r="B2860" s="14"/>
      <c r="C2860" s="13"/>
      <c r="D2860" s="14"/>
      <c r="E2860" s="14"/>
      <c r="F2860" s="16"/>
      <c r="G2860" s="2"/>
      <c r="H2860" s="2"/>
      <c r="I2860" s="2"/>
      <c r="J2860" s="2"/>
      <c r="K2860" s="2"/>
      <c r="L2860" s="2"/>
    </row>
    <row r="2861" spans="1:12" s="17" customFormat="1" ht="27" customHeight="1" x14ac:dyDescent="0.15">
      <c r="A2861" s="13"/>
      <c r="B2861" s="14"/>
      <c r="C2861" s="13"/>
      <c r="D2861" s="14"/>
      <c r="E2861" s="14"/>
      <c r="F2861" s="16"/>
      <c r="G2861" s="2"/>
      <c r="H2861" s="2"/>
      <c r="I2861" s="2"/>
      <c r="J2861" s="2"/>
      <c r="K2861" s="2"/>
      <c r="L2861" s="2"/>
    </row>
    <row r="2862" spans="1:12" s="17" customFormat="1" ht="27" customHeight="1" x14ac:dyDescent="0.15">
      <c r="A2862" s="13"/>
      <c r="B2862" s="14"/>
      <c r="C2862" s="13"/>
      <c r="D2862" s="14"/>
      <c r="E2862" s="14"/>
      <c r="F2862" s="16"/>
      <c r="G2862" s="2"/>
      <c r="H2862" s="2"/>
      <c r="I2862" s="2"/>
      <c r="J2862" s="2"/>
      <c r="K2862" s="2"/>
      <c r="L2862" s="2"/>
    </row>
    <row r="2863" spans="1:12" s="17" customFormat="1" ht="27" customHeight="1" x14ac:dyDescent="0.15">
      <c r="A2863" s="13"/>
      <c r="B2863" s="14"/>
      <c r="C2863" s="13"/>
      <c r="D2863" s="14"/>
      <c r="E2863" s="14"/>
      <c r="F2863" s="16"/>
      <c r="G2863" s="2"/>
      <c r="H2863" s="2"/>
      <c r="I2863" s="2"/>
      <c r="J2863" s="2"/>
      <c r="K2863" s="2"/>
      <c r="L2863" s="2"/>
    </row>
    <row r="2864" spans="1:12" s="17" customFormat="1" ht="27" customHeight="1" x14ac:dyDescent="0.15">
      <c r="A2864" s="13"/>
      <c r="B2864" s="14"/>
      <c r="C2864" s="13"/>
      <c r="D2864" s="14"/>
      <c r="E2864" s="14"/>
      <c r="F2864" s="16"/>
      <c r="G2864" s="2"/>
      <c r="H2864" s="2"/>
      <c r="I2864" s="2"/>
      <c r="J2864" s="2"/>
      <c r="K2864" s="2"/>
      <c r="L2864" s="2"/>
    </row>
    <row r="2865" spans="1:12" s="17" customFormat="1" ht="27" customHeight="1" x14ac:dyDescent="0.15">
      <c r="A2865" s="13"/>
      <c r="B2865" s="14"/>
      <c r="C2865" s="13"/>
      <c r="D2865" s="14"/>
      <c r="E2865" s="14"/>
      <c r="F2865" s="16"/>
      <c r="G2865" s="2"/>
      <c r="H2865" s="2"/>
      <c r="I2865" s="2"/>
      <c r="J2865" s="2"/>
      <c r="K2865" s="2"/>
      <c r="L2865" s="2"/>
    </row>
    <row r="2866" spans="1:12" s="17" customFormat="1" ht="27" customHeight="1" x14ac:dyDescent="0.15">
      <c r="A2866" s="13"/>
      <c r="B2866" s="14"/>
      <c r="C2866" s="13"/>
      <c r="D2866" s="14"/>
      <c r="E2866" s="14"/>
      <c r="F2866" s="16"/>
      <c r="G2866" s="2"/>
      <c r="H2866" s="2"/>
      <c r="I2866" s="2"/>
      <c r="J2866" s="2"/>
      <c r="K2866" s="2"/>
      <c r="L2866" s="2"/>
    </row>
    <row r="2867" spans="1:12" s="17" customFormat="1" ht="27" customHeight="1" x14ac:dyDescent="0.15">
      <c r="A2867" s="13"/>
      <c r="B2867" s="14"/>
      <c r="C2867" s="13"/>
      <c r="D2867" s="14"/>
      <c r="E2867" s="14"/>
      <c r="F2867" s="16"/>
      <c r="G2867" s="2"/>
      <c r="H2867" s="2"/>
      <c r="I2867" s="2"/>
      <c r="J2867" s="2"/>
      <c r="K2867" s="2"/>
      <c r="L2867" s="2"/>
    </row>
    <row r="2868" spans="1:12" s="17" customFormat="1" ht="27" customHeight="1" x14ac:dyDescent="0.15">
      <c r="A2868" s="13"/>
      <c r="B2868" s="14"/>
      <c r="C2868" s="13"/>
      <c r="D2868" s="14"/>
      <c r="E2868" s="14"/>
      <c r="F2868" s="16"/>
      <c r="G2868" s="2"/>
      <c r="H2868" s="2"/>
      <c r="I2868" s="2"/>
      <c r="J2868" s="2"/>
      <c r="K2868" s="2"/>
      <c r="L2868" s="2"/>
    </row>
    <row r="2869" spans="1:12" s="17" customFormat="1" ht="27" customHeight="1" x14ac:dyDescent="0.15">
      <c r="A2869" s="13"/>
      <c r="B2869" s="14"/>
      <c r="C2869" s="13"/>
      <c r="D2869" s="14"/>
      <c r="E2869" s="14"/>
      <c r="F2869" s="16"/>
      <c r="G2869" s="2"/>
      <c r="H2869" s="2"/>
      <c r="I2869" s="2"/>
      <c r="J2869" s="2"/>
      <c r="K2869" s="2"/>
      <c r="L2869" s="2"/>
    </row>
    <row r="2870" spans="1:12" s="17" customFormat="1" ht="27" customHeight="1" x14ac:dyDescent="0.15">
      <c r="A2870" s="13"/>
      <c r="B2870" s="14"/>
      <c r="C2870" s="13"/>
      <c r="D2870" s="14"/>
      <c r="E2870" s="14"/>
      <c r="F2870" s="16"/>
      <c r="G2870" s="2"/>
      <c r="H2870" s="2"/>
      <c r="I2870" s="2"/>
      <c r="J2870" s="2"/>
      <c r="K2870" s="2"/>
      <c r="L2870" s="2"/>
    </row>
    <row r="2871" spans="1:12" s="17" customFormat="1" ht="27" customHeight="1" x14ac:dyDescent="0.15">
      <c r="A2871" s="13"/>
      <c r="B2871" s="14"/>
      <c r="C2871" s="13"/>
      <c r="D2871" s="14"/>
      <c r="E2871" s="14"/>
      <c r="F2871" s="16"/>
      <c r="G2871" s="2"/>
      <c r="H2871" s="2"/>
      <c r="I2871" s="2"/>
      <c r="J2871" s="2"/>
      <c r="K2871" s="2"/>
      <c r="L2871" s="2"/>
    </row>
    <row r="2872" spans="1:12" s="17" customFormat="1" ht="27" customHeight="1" x14ac:dyDescent="0.15">
      <c r="A2872" s="13"/>
      <c r="B2872" s="14"/>
      <c r="C2872" s="13"/>
      <c r="D2872" s="14"/>
      <c r="E2872" s="14"/>
      <c r="F2872" s="16"/>
      <c r="G2872" s="2"/>
      <c r="H2872" s="2"/>
      <c r="I2872" s="2"/>
      <c r="J2872" s="2"/>
      <c r="K2872" s="2"/>
      <c r="L2872" s="2"/>
    </row>
    <row r="2873" spans="1:12" s="17" customFormat="1" ht="27" customHeight="1" x14ac:dyDescent="0.15">
      <c r="A2873" s="13"/>
      <c r="B2873" s="14"/>
      <c r="C2873" s="13"/>
      <c r="D2873" s="14"/>
      <c r="E2873" s="14"/>
      <c r="F2873" s="16"/>
      <c r="G2873" s="2"/>
      <c r="H2873" s="2"/>
      <c r="I2873" s="2"/>
      <c r="J2873" s="2"/>
      <c r="K2873" s="2"/>
      <c r="L2873" s="2"/>
    </row>
    <row r="2874" spans="1:12" s="17" customFormat="1" ht="27" customHeight="1" x14ac:dyDescent="0.15">
      <c r="A2874" s="13"/>
      <c r="B2874" s="14"/>
      <c r="C2874" s="13"/>
      <c r="D2874" s="14"/>
      <c r="E2874" s="14"/>
      <c r="F2874" s="16"/>
      <c r="G2874" s="2"/>
      <c r="H2874" s="2"/>
      <c r="I2874" s="2"/>
      <c r="J2874" s="2"/>
      <c r="K2874" s="2"/>
      <c r="L2874" s="2"/>
    </row>
    <row r="2875" spans="1:12" s="17" customFormat="1" ht="27" customHeight="1" x14ac:dyDescent="0.15">
      <c r="A2875" s="13"/>
      <c r="B2875" s="14"/>
      <c r="C2875" s="13"/>
      <c r="D2875" s="14"/>
      <c r="E2875" s="14"/>
      <c r="F2875" s="16"/>
      <c r="G2875" s="2"/>
      <c r="H2875" s="2"/>
      <c r="I2875" s="2"/>
      <c r="J2875" s="2"/>
      <c r="K2875" s="2"/>
      <c r="L2875" s="2"/>
    </row>
    <row r="2876" spans="1:12" s="17" customFormat="1" ht="27" customHeight="1" x14ac:dyDescent="0.15">
      <c r="A2876" s="13"/>
      <c r="B2876" s="14"/>
      <c r="C2876" s="13"/>
      <c r="D2876" s="14"/>
      <c r="E2876" s="14"/>
      <c r="F2876" s="16"/>
      <c r="G2876" s="2"/>
      <c r="H2876" s="2"/>
      <c r="I2876" s="2"/>
      <c r="J2876" s="2"/>
      <c r="K2876" s="2"/>
      <c r="L2876" s="2"/>
    </row>
    <row r="2877" spans="1:12" s="17" customFormat="1" ht="27" customHeight="1" x14ac:dyDescent="0.15">
      <c r="A2877" s="13"/>
      <c r="B2877" s="14"/>
      <c r="C2877" s="13"/>
      <c r="D2877" s="14"/>
      <c r="E2877" s="14"/>
      <c r="F2877" s="16"/>
      <c r="G2877" s="2"/>
      <c r="H2877" s="2"/>
      <c r="I2877" s="2"/>
      <c r="J2877" s="2"/>
      <c r="K2877" s="2"/>
      <c r="L2877" s="2"/>
    </row>
    <row r="2878" spans="1:12" s="17" customFormat="1" ht="27" customHeight="1" x14ac:dyDescent="0.15">
      <c r="A2878" s="13"/>
      <c r="B2878" s="14"/>
      <c r="C2878" s="13"/>
      <c r="D2878" s="14"/>
      <c r="E2878" s="14"/>
      <c r="F2878" s="16"/>
      <c r="G2878" s="2"/>
      <c r="H2878" s="2"/>
      <c r="I2878" s="2"/>
      <c r="J2878" s="2"/>
      <c r="K2878" s="2"/>
      <c r="L2878" s="2"/>
    </row>
    <row r="2879" spans="1:12" s="17" customFormat="1" ht="27" customHeight="1" x14ac:dyDescent="0.15">
      <c r="A2879" s="13"/>
      <c r="B2879" s="14"/>
      <c r="C2879" s="13"/>
      <c r="D2879" s="14"/>
      <c r="E2879" s="14"/>
      <c r="F2879" s="16"/>
      <c r="G2879" s="2"/>
      <c r="H2879" s="2"/>
      <c r="I2879" s="2"/>
      <c r="J2879" s="2"/>
      <c r="K2879" s="2"/>
      <c r="L2879" s="2"/>
    </row>
    <row r="2880" spans="1:12" s="17" customFormat="1" ht="27" customHeight="1" x14ac:dyDescent="0.15">
      <c r="A2880" s="13"/>
      <c r="B2880" s="14"/>
      <c r="C2880" s="13"/>
      <c r="D2880" s="14"/>
      <c r="E2880" s="14"/>
      <c r="F2880" s="16"/>
      <c r="G2880" s="2"/>
      <c r="H2880" s="2"/>
      <c r="I2880" s="2"/>
      <c r="J2880" s="2"/>
      <c r="K2880" s="2"/>
      <c r="L2880" s="2"/>
    </row>
    <row r="2881" spans="1:12" s="17" customFormat="1" ht="27" customHeight="1" x14ac:dyDescent="0.15">
      <c r="A2881" s="13"/>
      <c r="B2881" s="14"/>
      <c r="C2881" s="13"/>
      <c r="D2881" s="14"/>
      <c r="E2881" s="14"/>
      <c r="F2881" s="16"/>
      <c r="G2881" s="2"/>
      <c r="H2881" s="2"/>
      <c r="I2881" s="2"/>
      <c r="J2881" s="2"/>
      <c r="K2881" s="2"/>
      <c r="L2881" s="2"/>
    </row>
    <row r="2882" spans="1:12" s="17" customFormat="1" ht="27" customHeight="1" x14ac:dyDescent="0.15">
      <c r="A2882" s="13"/>
      <c r="B2882" s="14"/>
      <c r="C2882" s="13"/>
      <c r="D2882" s="14"/>
      <c r="E2882" s="14"/>
      <c r="F2882" s="16"/>
      <c r="G2882" s="2"/>
      <c r="H2882" s="2"/>
      <c r="I2882" s="2"/>
      <c r="J2882" s="2"/>
      <c r="K2882" s="2"/>
      <c r="L2882" s="2"/>
    </row>
    <row r="2883" spans="1:12" s="17" customFormat="1" ht="27" customHeight="1" x14ac:dyDescent="0.15">
      <c r="A2883" s="13"/>
      <c r="B2883" s="14"/>
      <c r="C2883" s="13"/>
      <c r="D2883" s="14"/>
      <c r="E2883" s="14"/>
      <c r="F2883" s="16"/>
      <c r="G2883" s="2"/>
      <c r="H2883" s="2"/>
      <c r="I2883" s="2"/>
      <c r="J2883" s="2"/>
      <c r="K2883" s="2"/>
      <c r="L2883" s="2"/>
    </row>
    <row r="2884" spans="1:12" s="17" customFormat="1" ht="27" customHeight="1" x14ac:dyDescent="0.15">
      <c r="A2884" s="13"/>
      <c r="B2884" s="14"/>
      <c r="C2884" s="13"/>
      <c r="D2884" s="14"/>
      <c r="E2884" s="14"/>
      <c r="F2884" s="16"/>
      <c r="G2884" s="2"/>
      <c r="H2884" s="2"/>
      <c r="I2884" s="2"/>
      <c r="J2884" s="2"/>
      <c r="K2884" s="2"/>
      <c r="L2884" s="2"/>
    </row>
    <row r="2885" spans="1:12" s="17" customFormat="1" ht="27" customHeight="1" x14ac:dyDescent="0.15">
      <c r="A2885" s="13"/>
      <c r="B2885" s="14"/>
      <c r="C2885" s="13"/>
      <c r="D2885" s="14"/>
      <c r="E2885" s="14"/>
      <c r="F2885" s="16"/>
      <c r="G2885" s="2"/>
      <c r="H2885" s="2"/>
      <c r="I2885" s="2"/>
      <c r="J2885" s="2"/>
      <c r="K2885" s="2"/>
      <c r="L2885" s="2"/>
    </row>
    <row r="2886" spans="1:12" s="17" customFormat="1" ht="27" customHeight="1" x14ac:dyDescent="0.15">
      <c r="A2886" s="13"/>
      <c r="B2886" s="14"/>
      <c r="C2886" s="13"/>
      <c r="D2886" s="14"/>
      <c r="E2886" s="14"/>
      <c r="F2886" s="16"/>
      <c r="G2886" s="2"/>
      <c r="H2886" s="2"/>
      <c r="I2886" s="2"/>
      <c r="J2886" s="2"/>
      <c r="K2886" s="2"/>
      <c r="L2886" s="2"/>
    </row>
    <row r="2887" spans="1:12" s="17" customFormat="1" ht="27" customHeight="1" x14ac:dyDescent="0.15">
      <c r="A2887" s="13"/>
      <c r="B2887" s="14"/>
      <c r="C2887" s="13"/>
      <c r="D2887" s="14"/>
      <c r="E2887" s="14"/>
      <c r="F2887" s="16"/>
      <c r="G2887" s="2"/>
      <c r="H2887" s="2"/>
      <c r="I2887" s="2"/>
      <c r="J2887" s="2"/>
      <c r="K2887" s="2"/>
      <c r="L2887" s="2"/>
    </row>
    <row r="2888" spans="1:12" s="17" customFormat="1" ht="27" customHeight="1" x14ac:dyDescent="0.15">
      <c r="A2888" s="13"/>
      <c r="B2888" s="14"/>
      <c r="C2888" s="13"/>
      <c r="D2888" s="14"/>
      <c r="E2888" s="14"/>
      <c r="F2888" s="16"/>
      <c r="G2888" s="2"/>
      <c r="H2888" s="2"/>
      <c r="I2888" s="2"/>
      <c r="J2888" s="2"/>
      <c r="K2888" s="2"/>
      <c r="L2888" s="2"/>
    </row>
    <row r="2889" spans="1:12" s="17" customFormat="1" ht="27" customHeight="1" x14ac:dyDescent="0.15">
      <c r="A2889" s="13"/>
      <c r="B2889" s="14"/>
      <c r="C2889" s="13"/>
      <c r="D2889" s="14"/>
      <c r="E2889" s="14"/>
      <c r="F2889" s="16"/>
      <c r="G2889" s="2"/>
      <c r="H2889" s="2"/>
      <c r="I2889" s="2"/>
      <c r="J2889" s="2"/>
      <c r="K2889" s="2"/>
      <c r="L2889" s="2"/>
    </row>
    <row r="2890" spans="1:12" s="17" customFormat="1" ht="27" customHeight="1" x14ac:dyDescent="0.15">
      <c r="A2890" s="13"/>
      <c r="B2890" s="14"/>
      <c r="C2890" s="13"/>
      <c r="D2890" s="14"/>
      <c r="E2890" s="14"/>
      <c r="F2890" s="16"/>
      <c r="G2890" s="2"/>
      <c r="H2890" s="2"/>
      <c r="I2890" s="2"/>
      <c r="J2890" s="2"/>
      <c r="K2890" s="2"/>
      <c r="L2890" s="2"/>
    </row>
    <row r="2891" spans="1:12" s="17" customFormat="1" ht="27" customHeight="1" x14ac:dyDescent="0.15">
      <c r="A2891" s="13"/>
      <c r="B2891" s="14"/>
      <c r="C2891" s="13"/>
      <c r="D2891" s="14"/>
      <c r="E2891" s="14"/>
      <c r="F2891" s="16"/>
      <c r="G2891" s="2"/>
      <c r="H2891" s="2"/>
      <c r="I2891" s="2"/>
      <c r="J2891" s="2"/>
      <c r="K2891" s="2"/>
      <c r="L2891" s="2"/>
    </row>
    <row r="2892" spans="1:12" s="17" customFormat="1" ht="27" customHeight="1" x14ac:dyDescent="0.15">
      <c r="A2892" s="13"/>
      <c r="B2892" s="14"/>
      <c r="C2892" s="13"/>
      <c r="D2892" s="14"/>
      <c r="E2892" s="14"/>
      <c r="F2892" s="16"/>
      <c r="G2892" s="2"/>
      <c r="H2892" s="2"/>
      <c r="I2892" s="2"/>
      <c r="J2892" s="2"/>
      <c r="K2892" s="2"/>
      <c r="L2892" s="2"/>
    </row>
    <row r="2893" spans="1:12" s="17" customFormat="1" ht="27" customHeight="1" x14ac:dyDescent="0.15">
      <c r="A2893" s="13"/>
      <c r="B2893" s="14"/>
      <c r="C2893" s="13"/>
      <c r="D2893" s="14"/>
      <c r="E2893" s="14"/>
      <c r="F2893" s="16"/>
      <c r="G2893" s="2"/>
      <c r="H2893" s="2"/>
      <c r="I2893" s="2"/>
      <c r="J2893" s="2"/>
      <c r="K2893" s="2"/>
      <c r="L2893" s="2"/>
    </row>
    <row r="2894" spans="1:12" s="17" customFormat="1" ht="27" customHeight="1" x14ac:dyDescent="0.15">
      <c r="A2894" s="13"/>
      <c r="B2894" s="14"/>
      <c r="C2894" s="13"/>
      <c r="D2894" s="14"/>
      <c r="E2894" s="14"/>
      <c r="F2894" s="16"/>
      <c r="G2894" s="2"/>
      <c r="H2894" s="2"/>
      <c r="I2894" s="2"/>
      <c r="J2894" s="2"/>
      <c r="K2894" s="2"/>
      <c r="L2894" s="2"/>
    </row>
    <row r="2895" spans="1:12" s="17" customFormat="1" ht="27" customHeight="1" x14ac:dyDescent="0.15">
      <c r="A2895" s="13"/>
      <c r="B2895" s="14"/>
      <c r="C2895" s="13"/>
      <c r="D2895" s="14"/>
      <c r="E2895" s="14"/>
      <c r="F2895" s="16"/>
      <c r="G2895" s="2"/>
      <c r="H2895" s="2"/>
      <c r="I2895" s="2"/>
      <c r="J2895" s="2"/>
      <c r="K2895" s="2"/>
      <c r="L2895" s="2"/>
    </row>
    <row r="2896" spans="1:12" s="17" customFormat="1" ht="27" customHeight="1" x14ac:dyDescent="0.15">
      <c r="A2896" s="13"/>
      <c r="B2896" s="14"/>
      <c r="C2896" s="13"/>
      <c r="D2896" s="14"/>
      <c r="E2896" s="14"/>
      <c r="F2896" s="16"/>
      <c r="G2896" s="2"/>
      <c r="H2896" s="2"/>
      <c r="I2896" s="2"/>
      <c r="J2896" s="2"/>
      <c r="K2896" s="2"/>
      <c r="L2896" s="2"/>
    </row>
    <row r="2897" spans="1:12" s="17" customFormat="1" ht="27" customHeight="1" x14ac:dyDescent="0.15">
      <c r="A2897" s="13"/>
      <c r="B2897" s="14"/>
      <c r="C2897" s="13"/>
      <c r="D2897" s="14"/>
      <c r="E2897" s="14"/>
      <c r="F2897" s="16"/>
      <c r="G2897" s="2"/>
      <c r="H2897" s="2"/>
      <c r="I2897" s="2"/>
      <c r="J2897" s="2"/>
      <c r="K2897" s="2"/>
      <c r="L2897" s="2"/>
    </row>
    <row r="2898" spans="1:12" s="17" customFormat="1" ht="27" customHeight="1" x14ac:dyDescent="0.15">
      <c r="A2898" s="13"/>
      <c r="B2898" s="14"/>
      <c r="C2898" s="13"/>
      <c r="D2898" s="14"/>
      <c r="E2898" s="14"/>
      <c r="F2898" s="16"/>
      <c r="G2898" s="2"/>
      <c r="H2898" s="2"/>
      <c r="I2898" s="2"/>
      <c r="J2898" s="2"/>
      <c r="K2898" s="2"/>
      <c r="L2898" s="2"/>
    </row>
    <row r="2899" spans="1:12" s="17" customFormat="1" ht="27" customHeight="1" x14ac:dyDescent="0.15">
      <c r="A2899" s="13"/>
      <c r="B2899" s="14"/>
      <c r="C2899" s="13"/>
      <c r="D2899" s="14"/>
      <c r="E2899" s="14"/>
      <c r="F2899" s="16"/>
      <c r="G2899" s="2"/>
      <c r="H2899" s="2"/>
      <c r="I2899" s="2"/>
      <c r="J2899" s="2"/>
      <c r="K2899" s="2"/>
      <c r="L2899" s="2"/>
    </row>
    <row r="2900" spans="1:12" s="17" customFormat="1" ht="27" customHeight="1" x14ac:dyDescent="0.15">
      <c r="A2900" s="13"/>
      <c r="B2900" s="14"/>
      <c r="C2900" s="13"/>
      <c r="D2900" s="14"/>
      <c r="E2900" s="14"/>
      <c r="F2900" s="16"/>
      <c r="G2900" s="2"/>
      <c r="H2900" s="2"/>
      <c r="I2900" s="2"/>
      <c r="J2900" s="2"/>
      <c r="K2900" s="2"/>
      <c r="L2900" s="2"/>
    </row>
    <row r="2901" spans="1:12" s="17" customFormat="1" ht="27" customHeight="1" x14ac:dyDescent="0.15">
      <c r="A2901" s="13"/>
      <c r="B2901" s="14"/>
      <c r="C2901" s="13"/>
      <c r="D2901" s="14"/>
      <c r="E2901" s="14"/>
      <c r="F2901" s="16"/>
      <c r="G2901" s="2"/>
      <c r="H2901" s="2"/>
      <c r="I2901" s="2"/>
      <c r="J2901" s="2"/>
      <c r="K2901" s="2"/>
      <c r="L2901" s="2"/>
    </row>
    <row r="2902" spans="1:12" s="17" customFormat="1" ht="27" customHeight="1" x14ac:dyDescent="0.15">
      <c r="A2902" s="13"/>
      <c r="B2902" s="14"/>
      <c r="C2902" s="13"/>
      <c r="D2902" s="14"/>
      <c r="E2902" s="14"/>
      <c r="F2902" s="16"/>
      <c r="G2902" s="2"/>
      <c r="H2902" s="2"/>
      <c r="I2902" s="2"/>
      <c r="J2902" s="2"/>
      <c r="K2902" s="2"/>
      <c r="L2902" s="2"/>
    </row>
    <row r="2903" spans="1:12" s="17" customFormat="1" ht="27" customHeight="1" x14ac:dyDescent="0.15">
      <c r="A2903" s="13"/>
      <c r="B2903" s="14"/>
      <c r="C2903" s="13"/>
      <c r="D2903" s="14"/>
      <c r="E2903" s="14"/>
      <c r="F2903" s="16"/>
      <c r="G2903" s="2"/>
      <c r="H2903" s="2"/>
      <c r="I2903" s="2"/>
      <c r="J2903" s="2"/>
      <c r="K2903" s="2"/>
      <c r="L2903" s="2"/>
    </row>
    <row r="2904" spans="1:12" s="17" customFormat="1" ht="27" customHeight="1" x14ac:dyDescent="0.15">
      <c r="A2904" s="13"/>
      <c r="B2904" s="14"/>
      <c r="C2904" s="13"/>
      <c r="D2904" s="14"/>
      <c r="E2904" s="14"/>
      <c r="F2904" s="16"/>
      <c r="G2904" s="2"/>
      <c r="H2904" s="2"/>
      <c r="I2904" s="2"/>
      <c r="J2904" s="2"/>
      <c r="K2904" s="2"/>
      <c r="L2904" s="2"/>
    </row>
    <row r="2905" spans="1:12" s="17" customFormat="1" ht="27" customHeight="1" x14ac:dyDescent="0.15">
      <c r="A2905" s="13"/>
      <c r="B2905" s="14"/>
      <c r="C2905" s="13"/>
      <c r="D2905" s="14"/>
      <c r="E2905" s="14"/>
      <c r="F2905" s="16"/>
      <c r="G2905" s="2"/>
      <c r="H2905" s="2"/>
      <c r="I2905" s="2"/>
      <c r="J2905" s="2"/>
      <c r="K2905" s="2"/>
      <c r="L2905" s="2"/>
    </row>
    <row r="2906" spans="1:12" s="17" customFormat="1" ht="27" customHeight="1" x14ac:dyDescent="0.15">
      <c r="A2906" s="13"/>
      <c r="B2906" s="14"/>
      <c r="C2906" s="13"/>
      <c r="D2906" s="14"/>
      <c r="E2906" s="14"/>
      <c r="F2906" s="16"/>
      <c r="G2906" s="2"/>
      <c r="H2906" s="2"/>
      <c r="I2906" s="2"/>
      <c r="J2906" s="2"/>
      <c r="K2906" s="2"/>
      <c r="L2906" s="2"/>
    </row>
    <row r="2907" spans="1:12" s="17" customFormat="1" ht="27" customHeight="1" x14ac:dyDescent="0.15">
      <c r="A2907" s="13"/>
      <c r="B2907" s="14"/>
      <c r="C2907" s="13"/>
      <c r="D2907" s="14"/>
      <c r="E2907" s="14"/>
      <c r="F2907" s="16"/>
      <c r="G2907" s="2"/>
      <c r="H2907" s="2"/>
      <c r="I2907" s="2"/>
      <c r="J2907" s="2"/>
      <c r="K2907" s="2"/>
      <c r="L2907" s="2"/>
    </row>
    <row r="2908" spans="1:12" s="17" customFormat="1" ht="27" customHeight="1" x14ac:dyDescent="0.15">
      <c r="A2908" s="13"/>
      <c r="B2908" s="14"/>
      <c r="C2908" s="13"/>
      <c r="D2908" s="14"/>
      <c r="E2908" s="14"/>
      <c r="F2908" s="16"/>
      <c r="G2908" s="2"/>
      <c r="H2908" s="2"/>
      <c r="I2908" s="2"/>
      <c r="J2908" s="2"/>
      <c r="K2908" s="2"/>
      <c r="L2908" s="2"/>
    </row>
    <row r="2909" spans="1:12" s="17" customFormat="1" ht="27" customHeight="1" x14ac:dyDescent="0.15">
      <c r="A2909" s="13"/>
      <c r="B2909" s="14"/>
      <c r="C2909" s="13"/>
      <c r="D2909" s="14"/>
      <c r="E2909" s="14"/>
      <c r="F2909" s="16"/>
      <c r="G2909" s="2"/>
      <c r="H2909" s="2"/>
      <c r="I2909" s="2"/>
      <c r="J2909" s="2"/>
      <c r="K2909" s="2"/>
      <c r="L2909" s="2"/>
    </row>
    <row r="2910" spans="1:12" s="17" customFormat="1" ht="27" customHeight="1" x14ac:dyDescent="0.15">
      <c r="A2910" s="13"/>
      <c r="B2910" s="14"/>
      <c r="C2910" s="13"/>
      <c r="D2910" s="14"/>
      <c r="E2910" s="14"/>
      <c r="F2910" s="16"/>
      <c r="G2910" s="2"/>
      <c r="H2910" s="2"/>
      <c r="I2910" s="2"/>
      <c r="J2910" s="2"/>
      <c r="K2910" s="2"/>
      <c r="L2910" s="2"/>
    </row>
    <row r="2911" spans="1:12" s="17" customFormat="1" ht="27" customHeight="1" x14ac:dyDescent="0.15">
      <c r="A2911" s="13"/>
      <c r="B2911" s="14"/>
      <c r="C2911" s="13"/>
      <c r="D2911" s="14"/>
      <c r="E2911" s="14"/>
      <c r="F2911" s="16"/>
      <c r="G2911" s="2"/>
      <c r="H2911" s="2"/>
      <c r="I2911" s="2"/>
      <c r="J2911" s="2"/>
      <c r="K2911" s="2"/>
      <c r="L2911" s="2"/>
    </row>
    <row r="2912" spans="1:12" s="17" customFormat="1" ht="27" customHeight="1" x14ac:dyDescent="0.15">
      <c r="A2912" s="13"/>
      <c r="B2912" s="14"/>
      <c r="C2912" s="13"/>
      <c r="D2912" s="14"/>
      <c r="E2912" s="14"/>
      <c r="F2912" s="16"/>
      <c r="G2912" s="2"/>
      <c r="H2912" s="2"/>
      <c r="I2912" s="2"/>
      <c r="J2912" s="2"/>
      <c r="K2912" s="2"/>
      <c r="L2912" s="2"/>
    </row>
    <row r="2913" spans="1:12" s="17" customFormat="1" ht="27" customHeight="1" x14ac:dyDescent="0.15">
      <c r="A2913" s="13"/>
      <c r="B2913" s="14"/>
      <c r="C2913" s="13"/>
      <c r="D2913" s="14"/>
      <c r="E2913" s="14"/>
      <c r="F2913" s="16"/>
      <c r="G2913" s="2"/>
      <c r="H2913" s="2"/>
      <c r="I2913" s="2"/>
      <c r="J2913" s="2"/>
      <c r="K2913" s="2"/>
      <c r="L2913" s="2"/>
    </row>
    <row r="2914" spans="1:12" s="17" customFormat="1" ht="27" customHeight="1" x14ac:dyDescent="0.15">
      <c r="A2914" s="13"/>
      <c r="B2914" s="14"/>
      <c r="C2914" s="13"/>
      <c r="D2914" s="14"/>
      <c r="E2914" s="14"/>
      <c r="F2914" s="16"/>
      <c r="G2914" s="2"/>
      <c r="H2914" s="2"/>
      <c r="I2914" s="2"/>
      <c r="J2914" s="2"/>
      <c r="K2914" s="2"/>
      <c r="L2914" s="2"/>
    </row>
    <row r="2915" spans="1:12" s="17" customFormat="1" ht="27" customHeight="1" x14ac:dyDescent="0.15">
      <c r="A2915" s="13"/>
      <c r="B2915" s="14"/>
      <c r="C2915" s="13"/>
      <c r="D2915" s="14"/>
      <c r="E2915" s="14"/>
      <c r="F2915" s="16"/>
      <c r="G2915" s="2"/>
      <c r="H2915" s="2"/>
      <c r="I2915" s="2"/>
      <c r="J2915" s="2"/>
      <c r="K2915" s="2"/>
      <c r="L2915" s="2"/>
    </row>
    <row r="2916" spans="1:12" s="17" customFormat="1" ht="27" customHeight="1" x14ac:dyDescent="0.15">
      <c r="A2916" s="13"/>
      <c r="B2916" s="14"/>
      <c r="C2916" s="13"/>
      <c r="D2916" s="14"/>
      <c r="E2916" s="14"/>
      <c r="F2916" s="16"/>
      <c r="G2916" s="2"/>
      <c r="H2916" s="2"/>
      <c r="I2916" s="2"/>
      <c r="J2916" s="2"/>
      <c r="K2916" s="2"/>
      <c r="L2916" s="2"/>
    </row>
    <row r="2917" spans="1:12" s="17" customFormat="1" ht="27" customHeight="1" x14ac:dyDescent="0.15">
      <c r="A2917" s="13"/>
      <c r="B2917" s="14"/>
      <c r="C2917" s="13"/>
      <c r="D2917" s="14"/>
      <c r="E2917" s="14"/>
      <c r="F2917" s="16"/>
      <c r="G2917" s="2"/>
      <c r="H2917" s="2"/>
      <c r="I2917" s="2"/>
      <c r="J2917" s="2"/>
      <c r="K2917" s="2"/>
      <c r="L2917" s="2"/>
    </row>
    <row r="2918" spans="1:12" s="17" customFormat="1" ht="27" customHeight="1" x14ac:dyDescent="0.15">
      <c r="A2918" s="13"/>
      <c r="B2918" s="14"/>
      <c r="C2918" s="13"/>
      <c r="D2918" s="14"/>
      <c r="E2918" s="14"/>
      <c r="F2918" s="16"/>
      <c r="G2918" s="2"/>
      <c r="H2918" s="2"/>
      <c r="I2918" s="2"/>
      <c r="J2918" s="2"/>
      <c r="K2918" s="2"/>
      <c r="L2918" s="2"/>
    </row>
    <row r="2919" spans="1:12" s="17" customFormat="1" ht="27" customHeight="1" x14ac:dyDescent="0.15">
      <c r="A2919" s="13"/>
      <c r="B2919" s="14"/>
      <c r="C2919" s="13"/>
      <c r="D2919" s="14"/>
      <c r="E2919" s="14"/>
      <c r="F2919" s="16"/>
      <c r="G2919" s="2"/>
      <c r="H2919" s="2"/>
      <c r="I2919" s="2"/>
      <c r="J2919" s="2"/>
      <c r="K2919" s="2"/>
      <c r="L2919" s="2"/>
    </row>
    <row r="2920" spans="1:12" s="17" customFormat="1" ht="27" customHeight="1" x14ac:dyDescent="0.15">
      <c r="A2920" s="13"/>
      <c r="B2920" s="14"/>
      <c r="C2920" s="13"/>
      <c r="D2920" s="14"/>
      <c r="E2920" s="14"/>
      <c r="F2920" s="16"/>
      <c r="G2920" s="2"/>
      <c r="H2920" s="2"/>
      <c r="I2920" s="2"/>
      <c r="J2920" s="2"/>
      <c r="K2920" s="2"/>
      <c r="L2920" s="2"/>
    </row>
    <row r="2921" spans="1:12" s="17" customFormat="1" ht="27" customHeight="1" x14ac:dyDescent="0.15">
      <c r="A2921" s="13"/>
      <c r="B2921" s="14"/>
      <c r="C2921" s="13"/>
      <c r="D2921" s="14"/>
      <c r="E2921" s="14"/>
      <c r="F2921" s="16"/>
      <c r="G2921" s="2"/>
      <c r="H2921" s="2"/>
      <c r="I2921" s="2"/>
      <c r="J2921" s="2"/>
      <c r="K2921" s="2"/>
      <c r="L2921" s="2"/>
    </row>
    <row r="2922" spans="1:12" s="17" customFormat="1" ht="27" customHeight="1" x14ac:dyDescent="0.15">
      <c r="A2922" s="13"/>
      <c r="B2922" s="14"/>
      <c r="C2922" s="13"/>
      <c r="D2922" s="14"/>
      <c r="E2922" s="14"/>
      <c r="F2922" s="16"/>
      <c r="G2922" s="2"/>
      <c r="H2922" s="2"/>
      <c r="I2922" s="2"/>
      <c r="J2922" s="2"/>
      <c r="K2922" s="2"/>
      <c r="L2922" s="2"/>
    </row>
    <row r="2923" spans="1:12" s="17" customFormat="1" ht="27" customHeight="1" x14ac:dyDescent="0.15">
      <c r="A2923" s="13"/>
      <c r="B2923" s="14"/>
      <c r="C2923" s="13"/>
      <c r="D2923" s="14"/>
      <c r="E2923" s="14"/>
      <c r="F2923" s="16"/>
      <c r="G2923" s="2"/>
      <c r="H2923" s="2"/>
      <c r="I2923" s="2"/>
      <c r="J2923" s="2"/>
      <c r="K2923" s="2"/>
      <c r="L2923" s="2"/>
    </row>
    <row r="2924" spans="1:12" s="17" customFormat="1" ht="27" customHeight="1" x14ac:dyDescent="0.15">
      <c r="A2924" s="13"/>
      <c r="B2924" s="14"/>
      <c r="C2924" s="13"/>
      <c r="D2924" s="14"/>
      <c r="E2924" s="14"/>
      <c r="F2924" s="16"/>
      <c r="G2924" s="2"/>
      <c r="H2924" s="2"/>
      <c r="I2924" s="2"/>
      <c r="J2924" s="2"/>
      <c r="K2924" s="2"/>
      <c r="L2924" s="2"/>
    </row>
    <row r="2925" spans="1:12" s="17" customFormat="1" ht="27" customHeight="1" x14ac:dyDescent="0.15">
      <c r="A2925" s="13"/>
      <c r="B2925" s="14"/>
      <c r="C2925" s="13"/>
      <c r="D2925" s="14"/>
      <c r="E2925" s="14"/>
      <c r="F2925" s="16"/>
      <c r="G2925" s="2"/>
      <c r="H2925" s="2"/>
      <c r="I2925" s="2"/>
      <c r="J2925" s="2"/>
      <c r="K2925" s="2"/>
      <c r="L2925" s="2"/>
    </row>
    <row r="2926" spans="1:12" s="17" customFormat="1" ht="27" customHeight="1" x14ac:dyDescent="0.15">
      <c r="A2926" s="13"/>
      <c r="B2926" s="14"/>
      <c r="C2926" s="13"/>
      <c r="D2926" s="14"/>
      <c r="E2926" s="14"/>
      <c r="F2926" s="16"/>
      <c r="G2926" s="2"/>
      <c r="H2926" s="2"/>
      <c r="I2926" s="2"/>
      <c r="J2926" s="2"/>
      <c r="K2926" s="2"/>
      <c r="L2926" s="2"/>
    </row>
    <row r="2927" spans="1:12" s="17" customFormat="1" ht="27" customHeight="1" x14ac:dyDescent="0.15">
      <c r="A2927" s="13"/>
      <c r="B2927" s="14"/>
      <c r="C2927" s="13"/>
      <c r="D2927" s="14"/>
      <c r="E2927" s="14"/>
      <c r="F2927" s="16"/>
      <c r="G2927" s="2"/>
      <c r="H2927" s="2"/>
      <c r="I2927" s="2"/>
      <c r="J2927" s="2"/>
      <c r="K2927" s="2"/>
      <c r="L2927" s="2"/>
    </row>
    <row r="2928" spans="1:12" s="17" customFormat="1" ht="27" customHeight="1" x14ac:dyDescent="0.15">
      <c r="A2928" s="13"/>
      <c r="B2928" s="14"/>
      <c r="C2928" s="13"/>
      <c r="D2928" s="14"/>
      <c r="E2928" s="14"/>
      <c r="F2928" s="16"/>
      <c r="G2928" s="2"/>
      <c r="H2928" s="2"/>
      <c r="I2928" s="2"/>
      <c r="J2928" s="2"/>
      <c r="K2928" s="2"/>
      <c r="L2928" s="2"/>
    </row>
    <row r="2929" spans="1:12" s="17" customFormat="1" ht="27" customHeight="1" x14ac:dyDescent="0.15">
      <c r="A2929" s="13"/>
      <c r="B2929" s="14"/>
      <c r="C2929" s="13"/>
      <c r="D2929" s="14"/>
      <c r="E2929" s="14"/>
      <c r="F2929" s="16"/>
      <c r="G2929" s="2"/>
      <c r="H2929" s="2"/>
      <c r="I2929" s="2"/>
      <c r="J2929" s="2"/>
      <c r="K2929" s="2"/>
      <c r="L2929" s="2"/>
    </row>
    <row r="2930" spans="1:12" s="17" customFormat="1" ht="27" customHeight="1" x14ac:dyDescent="0.15">
      <c r="A2930" s="13"/>
      <c r="B2930" s="14"/>
      <c r="C2930" s="13"/>
      <c r="D2930" s="14"/>
      <c r="E2930" s="14"/>
      <c r="F2930" s="16"/>
      <c r="G2930" s="2"/>
      <c r="H2930" s="2"/>
      <c r="I2930" s="2"/>
      <c r="J2930" s="2"/>
      <c r="K2930" s="2"/>
      <c r="L2930" s="2"/>
    </row>
    <row r="2931" spans="1:12" s="17" customFormat="1" ht="27" customHeight="1" x14ac:dyDescent="0.15">
      <c r="A2931" s="13"/>
      <c r="B2931" s="14"/>
      <c r="C2931" s="13"/>
      <c r="D2931" s="14"/>
      <c r="E2931" s="14"/>
      <c r="F2931" s="16"/>
      <c r="G2931" s="2"/>
      <c r="H2931" s="2"/>
      <c r="I2931" s="2"/>
      <c r="J2931" s="2"/>
      <c r="K2931" s="2"/>
      <c r="L2931" s="2"/>
    </row>
    <row r="2932" spans="1:12" s="17" customFormat="1" ht="27" customHeight="1" x14ac:dyDescent="0.15">
      <c r="A2932" s="13"/>
      <c r="B2932" s="14"/>
      <c r="C2932" s="13"/>
      <c r="D2932" s="14"/>
      <c r="E2932" s="14"/>
      <c r="F2932" s="16"/>
      <c r="G2932" s="2"/>
      <c r="H2932" s="2"/>
      <c r="I2932" s="2"/>
      <c r="J2932" s="2"/>
      <c r="K2932" s="2"/>
      <c r="L2932" s="2"/>
    </row>
    <row r="2933" spans="1:12" s="17" customFormat="1" ht="27" customHeight="1" x14ac:dyDescent="0.15">
      <c r="A2933" s="13"/>
      <c r="B2933" s="14"/>
      <c r="C2933" s="13"/>
      <c r="D2933" s="14"/>
      <c r="E2933" s="14"/>
      <c r="F2933" s="16"/>
      <c r="G2933" s="2"/>
      <c r="H2933" s="2"/>
      <c r="I2933" s="2"/>
      <c r="J2933" s="2"/>
      <c r="K2933" s="2"/>
      <c r="L2933" s="2"/>
    </row>
    <row r="2934" spans="1:12" s="17" customFormat="1" ht="27" customHeight="1" x14ac:dyDescent="0.15">
      <c r="A2934" s="13"/>
      <c r="B2934" s="14"/>
      <c r="C2934" s="13"/>
      <c r="D2934" s="14"/>
      <c r="E2934" s="14"/>
      <c r="F2934" s="16"/>
      <c r="G2934" s="2"/>
      <c r="H2934" s="2"/>
      <c r="I2934" s="2"/>
      <c r="J2934" s="2"/>
      <c r="K2934" s="2"/>
      <c r="L2934" s="2"/>
    </row>
    <row r="2935" spans="1:12" s="17" customFormat="1" ht="27" customHeight="1" x14ac:dyDescent="0.15">
      <c r="A2935" s="13"/>
      <c r="B2935" s="14"/>
      <c r="C2935" s="13"/>
      <c r="D2935" s="14"/>
      <c r="E2935" s="14"/>
      <c r="F2935" s="16"/>
      <c r="G2935" s="2"/>
      <c r="H2935" s="2"/>
      <c r="I2935" s="2"/>
      <c r="J2935" s="2"/>
      <c r="K2935" s="2"/>
      <c r="L2935" s="2"/>
    </row>
    <row r="2936" spans="1:12" s="17" customFormat="1" ht="27" customHeight="1" x14ac:dyDescent="0.15">
      <c r="A2936" s="13"/>
      <c r="B2936" s="14"/>
      <c r="C2936" s="13"/>
      <c r="D2936" s="14"/>
      <c r="E2936" s="14"/>
      <c r="F2936" s="16"/>
      <c r="G2936" s="2"/>
      <c r="H2936" s="2"/>
      <c r="I2936" s="2"/>
      <c r="J2936" s="2"/>
      <c r="K2936" s="2"/>
      <c r="L2936" s="2"/>
    </row>
    <row r="2937" spans="1:12" s="17" customFormat="1" ht="27" customHeight="1" x14ac:dyDescent="0.15">
      <c r="A2937" s="13"/>
      <c r="B2937" s="14"/>
      <c r="C2937" s="13"/>
      <c r="D2937" s="14"/>
      <c r="E2937" s="14"/>
      <c r="F2937" s="16"/>
      <c r="G2937" s="2"/>
      <c r="H2937" s="2"/>
      <c r="I2937" s="2"/>
      <c r="J2937" s="2"/>
      <c r="K2937" s="2"/>
      <c r="L2937" s="2"/>
    </row>
    <row r="2938" spans="1:12" s="17" customFormat="1" ht="27" customHeight="1" x14ac:dyDescent="0.15">
      <c r="A2938" s="13"/>
      <c r="B2938" s="14"/>
      <c r="C2938" s="13"/>
      <c r="D2938" s="14"/>
      <c r="E2938" s="14"/>
      <c r="F2938" s="16"/>
      <c r="G2938" s="2"/>
      <c r="H2938" s="2"/>
      <c r="I2938" s="2"/>
      <c r="J2938" s="2"/>
      <c r="K2938" s="2"/>
      <c r="L2938" s="2"/>
    </row>
    <row r="2939" spans="1:12" s="17" customFormat="1" ht="27" customHeight="1" x14ac:dyDescent="0.15">
      <c r="A2939" s="13"/>
      <c r="B2939" s="14"/>
      <c r="C2939" s="13"/>
      <c r="D2939" s="14"/>
      <c r="E2939" s="14"/>
      <c r="F2939" s="16"/>
      <c r="G2939" s="2"/>
      <c r="H2939" s="2"/>
      <c r="I2939" s="2"/>
      <c r="J2939" s="2"/>
      <c r="K2939" s="2"/>
      <c r="L2939" s="2"/>
    </row>
    <row r="2940" spans="1:12" s="17" customFormat="1" ht="27" customHeight="1" x14ac:dyDescent="0.15">
      <c r="A2940" s="13"/>
      <c r="B2940" s="14"/>
      <c r="C2940" s="13"/>
      <c r="D2940" s="14"/>
      <c r="E2940" s="14"/>
      <c r="F2940" s="16"/>
      <c r="G2940" s="2"/>
      <c r="H2940" s="2"/>
      <c r="I2940" s="2"/>
      <c r="J2940" s="2"/>
      <c r="K2940" s="2"/>
      <c r="L2940" s="2"/>
    </row>
    <row r="2941" spans="1:12" s="17" customFormat="1" ht="27" customHeight="1" x14ac:dyDescent="0.15">
      <c r="A2941" s="13"/>
      <c r="B2941" s="14"/>
      <c r="C2941" s="13"/>
      <c r="D2941" s="14"/>
      <c r="E2941" s="14"/>
      <c r="F2941" s="16"/>
      <c r="G2941" s="2"/>
      <c r="H2941" s="2"/>
      <c r="I2941" s="2"/>
      <c r="J2941" s="2"/>
      <c r="K2941" s="2"/>
      <c r="L2941" s="2"/>
    </row>
    <row r="2942" spans="1:12" s="17" customFormat="1" ht="27" customHeight="1" x14ac:dyDescent="0.15">
      <c r="A2942" s="13"/>
      <c r="B2942" s="14"/>
      <c r="C2942" s="13"/>
      <c r="D2942" s="14"/>
      <c r="E2942" s="14"/>
      <c r="F2942" s="16"/>
      <c r="G2942" s="2"/>
      <c r="H2942" s="2"/>
      <c r="I2942" s="2"/>
      <c r="J2942" s="2"/>
      <c r="K2942" s="2"/>
      <c r="L2942" s="2"/>
    </row>
    <row r="2943" spans="1:12" s="17" customFormat="1" ht="27" customHeight="1" x14ac:dyDescent="0.15">
      <c r="A2943" s="13"/>
      <c r="B2943" s="14"/>
      <c r="C2943" s="13"/>
      <c r="D2943" s="14"/>
      <c r="E2943" s="14"/>
      <c r="F2943" s="16"/>
      <c r="G2943" s="2"/>
      <c r="H2943" s="2"/>
      <c r="I2943" s="2"/>
      <c r="J2943" s="2"/>
      <c r="K2943" s="2"/>
      <c r="L2943" s="2"/>
    </row>
    <row r="2944" spans="1:12" s="17" customFormat="1" ht="27" customHeight="1" x14ac:dyDescent="0.15">
      <c r="A2944" s="13"/>
      <c r="B2944" s="14"/>
      <c r="C2944" s="13"/>
      <c r="D2944" s="14"/>
      <c r="E2944" s="14"/>
      <c r="F2944" s="16"/>
      <c r="G2944" s="2"/>
      <c r="H2944" s="2"/>
      <c r="I2944" s="2"/>
      <c r="J2944" s="2"/>
      <c r="K2944" s="2"/>
      <c r="L2944" s="2"/>
    </row>
    <row r="2945" spans="1:12" s="17" customFormat="1" ht="27" customHeight="1" x14ac:dyDescent="0.15">
      <c r="A2945" s="13"/>
      <c r="B2945" s="14"/>
      <c r="C2945" s="13"/>
      <c r="D2945" s="14"/>
      <c r="E2945" s="14"/>
      <c r="F2945" s="16"/>
      <c r="G2945" s="2"/>
      <c r="H2945" s="2"/>
      <c r="I2945" s="2"/>
      <c r="J2945" s="2"/>
      <c r="K2945" s="2"/>
      <c r="L2945" s="2"/>
    </row>
    <row r="2946" spans="1:12" s="17" customFormat="1" ht="27" customHeight="1" x14ac:dyDescent="0.15">
      <c r="A2946" s="13"/>
      <c r="B2946" s="14"/>
      <c r="C2946" s="13"/>
      <c r="D2946" s="14"/>
      <c r="E2946" s="14"/>
      <c r="F2946" s="16"/>
      <c r="G2946" s="2"/>
      <c r="H2946" s="2"/>
      <c r="I2946" s="2"/>
      <c r="J2946" s="2"/>
      <c r="K2946" s="2"/>
      <c r="L2946" s="2"/>
    </row>
    <row r="2947" spans="1:12" s="17" customFormat="1" ht="27" customHeight="1" x14ac:dyDescent="0.15">
      <c r="A2947" s="13"/>
      <c r="B2947" s="14"/>
      <c r="C2947" s="13"/>
      <c r="D2947" s="14"/>
      <c r="E2947" s="14"/>
      <c r="F2947" s="16"/>
      <c r="G2947" s="2"/>
      <c r="H2947" s="2"/>
      <c r="I2947" s="2"/>
      <c r="J2947" s="2"/>
      <c r="K2947" s="2"/>
      <c r="L2947" s="2"/>
    </row>
    <row r="2948" spans="1:12" s="17" customFormat="1" ht="27" customHeight="1" x14ac:dyDescent="0.15">
      <c r="A2948" s="13"/>
      <c r="B2948" s="14"/>
      <c r="C2948" s="13"/>
      <c r="D2948" s="14"/>
      <c r="E2948" s="14"/>
      <c r="F2948" s="16"/>
      <c r="G2948" s="2"/>
      <c r="H2948" s="2"/>
      <c r="I2948" s="2"/>
      <c r="J2948" s="2"/>
      <c r="K2948" s="2"/>
      <c r="L2948" s="2"/>
    </row>
    <row r="2949" spans="1:12" s="17" customFormat="1" ht="27" customHeight="1" x14ac:dyDescent="0.15">
      <c r="A2949" s="13"/>
      <c r="B2949" s="14"/>
      <c r="C2949" s="13"/>
      <c r="D2949" s="14"/>
      <c r="E2949" s="14"/>
      <c r="F2949" s="16"/>
      <c r="G2949" s="2"/>
      <c r="H2949" s="2"/>
      <c r="I2949" s="2"/>
      <c r="J2949" s="2"/>
      <c r="K2949" s="2"/>
      <c r="L2949" s="2"/>
    </row>
    <row r="2950" spans="1:12" s="17" customFormat="1" ht="27" customHeight="1" x14ac:dyDescent="0.15">
      <c r="A2950" s="13"/>
      <c r="B2950" s="14"/>
      <c r="C2950" s="13"/>
      <c r="D2950" s="14"/>
      <c r="E2950" s="14"/>
      <c r="F2950" s="16"/>
      <c r="G2950" s="2"/>
      <c r="H2950" s="2"/>
      <c r="I2950" s="2"/>
      <c r="J2950" s="2"/>
      <c r="K2950" s="2"/>
      <c r="L2950" s="2"/>
    </row>
    <row r="2951" spans="1:12" s="17" customFormat="1" ht="27" customHeight="1" x14ac:dyDescent="0.15">
      <c r="A2951" s="13"/>
      <c r="B2951" s="14"/>
      <c r="C2951" s="13"/>
      <c r="D2951" s="14"/>
      <c r="E2951" s="14"/>
      <c r="F2951" s="16"/>
      <c r="G2951" s="2"/>
      <c r="H2951" s="2"/>
      <c r="I2951" s="2"/>
      <c r="J2951" s="2"/>
      <c r="K2951" s="2"/>
      <c r="L2951" s="2"/>
    </row>
    <row r="2952" spans="1:12" s="17" customFormat="1" ht="27" customHeight="1" x14ac:dyDescent="0.15">
      <c r="A2952" s="13"/>
      <c r="B2952" s="14"/>
      <c r="C2952" s="13"/>
      <c r="D2952" s="14"/>
      <c r="E2952" s="14"/>
      <c r="F2952" s="16"/>
      <c r="G2952" s="2"/>
      <c r="H2952" s="2"/>
      <c r="I2952" s="2"/>
      <c r="J2952" s="2"/>
      <c r="K2952" s="2"/>
      <c r="L2952" s="2"/>
    </row>
    <row r="2953" spans="1:12" s="17" customFormat="1" ht="27" customHeight="1" x14ac:dyDescent="0.15">
      <c r="A2953" s="13"/>
      <c r="B2953" s="14"/>
      <c r="C2953" s="13"/>
      <c r="D2953" s="14"/>
      <c r="E2953" s="14"/>
      <c r="F2953" s="16"/>
      <c r="G2953" s="2"/>
      <c r="H2953" s="2"/>
      <c r="I2953" s="2"/>
      <c r="J2953" s="2"/>
      <c r="K2953" s="2"/>
      <c r="L2953" s="2"/>
    </row>
    <row r="2954" spans="1:12" s="17" customFormat="1" ht="27" customHeight="1" x14ac:dyDescent="0.15">
      <c r="A2954" s="13"/>
      <c r="B2954" s="14"/>
      <c r="C2954" s="13"/>
      <c r="D2954" s="14"/>
      <c r="E2954" s="14"/>
      <c r="F2954" s="16"/>
      <c r="G2954" s="2"/>
      <c r="H2954" s="2"/>
      <c r="I2954" s="2"/>
      <c r="J2954" s="2"/>
      <c r="K2954" s="2"/>
      <c r="L2954" s="2"/>
    </row>
    <row r="2955" spans="1:12" s="17" customFormat="1" ht="27" customHeight="1" x14ac:dyDescent="0.15">
      <c r="A2955" s="13"/>
      <c r="B2955" s="14"/>
      <c r="C2955" s="13"/>
      <c r="D2955" s="14"/>
      <c r="E2955" s="14"/>
      <c r="F2955" s="16"/>
      <c r="G2955" s="2"/>
      <c r="H2955" s="2"/>
      <c r="I2955" s="2"/>
      <c r="J2955" s="2"/>
      <c r="K2955" s="2"/>
      <c r="L2955" s="2"/>
    </row>
    <row r="2956" spans="1:12" s="17" customFormat="1" ht="27" customHeight="1" x14ac:dyDescent="0.15">
      <c r="A2956" s="13"/>
      <c r="B2956" s="14"/>
      <c r="C2956" s="13"/>
      <c r="D2956" s="14"/>
      <c r="E2956" s="14"/>
      <c r="F2956" s="16"/>
      <c r="G2956" s="2"/>
      <c r="H2956" s="2"/>
      <c r="I2956" s="2"/>
      <c r="J2956" s="2"/>
      <c r="K2956" s="2"/>
      <c r="L2956" s="2"/>
    </row>
    <row r="2957" spans="1:12" s="17" customFormat="1" ht="27" customHeight="1" x14ac:dyDescent="0.15">
      <c r="A2957" s="13"/>
      <c r="B2957" s="14"/>
      <c r="C2957" s="13"/>
      <c r="D2957" s="14"/>
      <c r="E2957" s="14"/>
      <c r="F2957" s="16"/>
      <c r="G2957" s="2"/>
      <c r="H2957" s="2"/>
      <c r="I2957" s="2"/>
      <c r="J2957" s="2"/>
      <c r="K2957" s="2"/>
      <c r="L2957" s="2"/>
    </row>
    <row r="2958" spans="1:12" s="17" customFormat="1" ht="27" customHeight="1" x14ac:dyDescent="0.15">
      <c r="A2958" s="13"/>
      <c r="B2958" s="14"/>
      <c r="C2958" s="13"/>
      <c r="D2958" s="14"/>
      <c r="E2958" s="14"/>
      <c r="F2958" s="16"/>
      <c r="G2958" s="2"/>
      <c r="H2958" s="2"/>
      <c r="I2958" s="2"/>
      <c r="J2958" s="2"/>
      <c r="K2958" s="2"/>
      <c r="L2958" s="2"/>
    </row>
    <row r="2959" spans="1:12" s="17" customFormat="1" ht="27" customHeight="1" x14ac:dyDescent="0.15">
      <c r="A2959" s="13"/>
      <c r="B2959" s="14"/>
      <c r="C2959" s="13"/>
      <c r="D2959" s="14"/>
      <c r="E2959" s="14"/>
      <c r="F2959" s="16"/>
      <c r="G2959" s="2"/>
      <c r="H2959" s="2"/>
      <c r="I2959" s="2"/>
      <c r="J2959" s="2"/>
      <c r="K2959" s="2"/>
      <c r="L2959" s="2"/>
    </row>
    <row r="2960" spans="1:12" s="17" customFormat="1" ht="27" customHeight="1" x14ac:dyDescent="0.15">
      <c r="A2960" s="13"/>
      <c r="B2960" s="14"/>
      <c r="C2960" s="13"/>
      <c r="D2960" s="14"/>
      <c r="E2960" s="14"/>
      <c r="F2960" s="16"/>
      <c r="G2960" s="2"/>
      <c r="H2960" s="2"/>
      <c r="I2960" s="2"/>
      <c r="J2960" s="2"/>
      <c r="K2960" s="2"/>
      <c r="L2960" s="2"/>
    </row>
    <row r="2961" spans="1:12" s="17" customFormat="1" ht="27" customHeight="1" x14ac:dyDescent="0.15">
      <c r="A2961" s="13"/>
      <c r="B2961" s="14"/>
      <c r="C2961" s="13"/>
      <c r="D2961" s="14"/>
      <c r="E2961" s="14"/>
      <c r="F2961" s="16"/>
      <c r="G2961" s="2"/>
      <c r="H2961" s="2"/>
      <c r="I2961" s="2"/>
      <c r="J2961" s="2"/>
      <c r="K2961" s="2"/>
      <c r="L2961" s="2"/>
    </row>
    <row r="2962" spans="1:12" s="17" customFormat="1" ht="27" customHeight="1" x14ac:dyDescent="0.15">
      <c r="A2962" s="13"/>
      <c r="B2962" s="14"/>
      <c r="C2962" s="13"/>
      <c r="D2962" s="14"/>
      <c r="E2962" s="14"/>
      <c r="F2962" s="16"/>
      <c r="G2962" s="2"/>
      <c r="H2962" s="2"/>
      <c r="I2962" s="2"/>
      <c r="J2962" s="2"/>
      <c r="K2962" s="2"/>
      <c r="L2962" s="2"/>
    </row>
    <row r="2963" spans="1:12" s="17" customFormat="1" ht="27" customHeight="1" x14ac:dyDescent="0.15">
      <c r="A2963" s="13"/>
      <c r="B2963" s="14"/>
      <c r="C2963" s="13"/>
      <c r="D2963" s="14"/>
      <c r="E2963" s="14"/>
      <c r="F2963" s="16"/>
      <c r="G2963" s="2"/>
      <c r="H2963" s="2"/>
      <c r="I2963" s="2"/>
      <c r="J2963" s="2"/>
      <c r="K2963" s="2"/>
      <c r="L2963" s="2"/>
    </row>
    <row r="2964" spans="1:12" s="17" customFormat="1" ht="27" customHeight="1" x14ac:dyDescent="0.15">
      <c r="A2964" s="13"/>
      <c r="B2964" s="14"/>
      <c r="C2964" s="13"/>
      <c r="D2964" s="14"/>
      <c r="E2964" s="14"/>
      <c r="F2964" s="16"/>
      <c r="G2964" s="2"/>
      <c r="H2964" s="2"/>
      <c r="I2964" s="2"/>
      <c r="J2964" s="2"/>
      <c r="K2964" s="2"/>
      <c r="L2964" s="2"/>
    </row>
    <row r="2965" spans="1:12" s="17" customFormat="1" ht="27" customHeight="1" x14ac:dyDescent="0.15">
      <c r="A2965" s="13"/>
      <c r="B2965" s="14"/>
      <c r="C2965" s="13"/>
      <c r="D2965" s="14"/>
      <c r="E2965" s="14"/>
      <c r="F2965" s="16"/>
      <c r="G2965" s="2"/>
      <c r="H2965" s="2"/>
      <c r="I2965" s="2"/>
      <c r="J2965" s="2"/>
      <c r="K2965" s="2"/>
      <c r="L2965" s="2"/>
    </row>
    <row r="2966" spans="1:12" s="17" customFormat="1" ht="27" customHeight="1" x14ac:dyDescent="0.15">
      <c r="A2966" s="13"/>
      <c r="B2966" s="14"/>
      <c r="C2966" s="13"/>
      <c r="D2966" s="14"/>
      <c r="E2966" s="14"/>
      <c r="F2966" s="16"/>
      <c r="G2966" s="2"/>
      <c r="H2966" s="2"/>
      <c r="I2966" s="2"/>
      <c r="J2966" s="2"/>
      <c r="K2966" s="2"/>
      <c r="L2966" s="2"/>
    </row>
    <row r="2967" spans="1:12" s="17" customFormat="1" ht="27" customHeight="1" x14ac:dyDescent="0.15">
      <c r="A2967" s="13"/>
      <c r="B2967" s="14"/>
      <c r="C2967" s="13"/>
      <c r="D2967" s="14"/>
      <c r="E2967" s="14"/>
      <c r="F2967" s="16"/>
      <c r="G2967" s="2"/>
      <c r="H2967" s="2"/>
      <c r="I2967" s="2"/>
      <c r="J2967" s="2"/>
      <c r="K2967" s="2"/>
      <c r="L2967" s="2"/>
    </row>
    <row r="2968" spans="1:12" s="17" customFormat="1" ht="27" customHeight="1" x14ac:dyDescent="0.15">
      <c r="A2968" s="13"/>
      <c r="B2968" s="14"/>
      <c r="C2968" s="13"/>
      <c r="D2968" s="14"/>
      <c r="E2968" s="14"/>
      <c r="F2968" s="16"/>
      <c r="G2968" s="2"/>
      <c r="H2968" s="2"/>
      <c r="I2968" s="2"/>
      <c r="J2968" s="2"/>
      <c r="K2968" s="2"/>
      <c r="L2968" s="2"/>
    </row>
    <row r="2969" spans="1:12" s="17" customFormat="1" ht="27" customHeight="1" x14ac:dyDescent="0.15">
      <c r="A2969" s="13"/>
      <c r="B2969" s="14"/>
      <c r="C2969" s="13"/>
      <c r="D2969" s="14"/>
      <c r="E2969" s="14"/>
      <c r="F2969" s="16"/>
      <c r="G2969" s="2"/>
      <c r="H2969" s="2"/>
      <c r="I2969" s="2"/>
      <c r="J2969" s="2"/>
      <c r="K2969" s="2"/>
      <c r="L2969" s="2"/>
    </row>
    <row r="2970" spans="1:12" s="17" customFormat="1" ht="27" customHeight="1" x14ac:dyDescent="0.15">
      <c r="A2970" s="13"/>
      <c r="B2970" s="14"/>
      <c r="C2970" s="13"/>
      <c r="D2970" s="14"/>
      <c r="E2970" s="14"/>
      <c r="F2970" s="16"/>
      <c r="G2970" s="2"/>
      <c r="H2970" s="2"/>
      <c r="I2970" s="2"/>
      <c r="J2970" s="2"/>
      <c r="K2970" s="2"/>
      <c r="L2970" s="2"/>
    </row>
    <row r="2971" spans="1:12" s="17" customFormat="1" ht="27" customHeight="1" x14ac:dyDescent="0.15">
      <c r="A2971" s="13"/>
      <c r="B2971" s="14"/>
      <c r="C2971" s="13"/>
      <c r="D2971" s="14"/>
      <c r="E2971" s="14"/>
      <c r="F2971" s="16"/>
      <c r="G2971" s="2"/>
      <c r="H2971" s="2"/>
      <c r="I2971" s="2"/>
      <c r="J2971" s="2"/>
      <c r="K2971" s="2"/>
      <c r="L2971" s="2"/>
    </row>
    <row r="2972" spans="1:12" s="17" customFormat="1" ht="27" customHeight="1" x14ac:dyDescent="0.15">
      <c r="A2972" s="13"/>
      <c r="B2972" s="14"/>
      <c r="C2972" s="13"/>
      <c r="D2972" s="14"/>
      <c r="E2972" s="14"/>
      <c r="F2972" s="16"/>
      <c r="G2972" s="2"/>
      <c r="H2972" s="2"/>
      <c r="I2972" s="2"/>
      <c r="J2972" s="2"/>
      <c r="K2972" s="2"/>
      <c r="L2972" s="2"/>
    </row>
    <row r="2973" spans="1:12" s="17" customFormat="1" ht="27" customHeight="1" x14ac:dyDescent="0.15">
      <c r="A2973" s="13"/>
      <c r="B2973" s="14"/>
      <c r="C2973" s="13"/>
      <c r="D2973" s="14"/>
      <c r="E2973" s="14"/>
      <c r="F2973" s="16"/>
      <c r="G2973" s="2"/>
      <c r="H2973" s="2"/>
      <c r="I2973" s="2"/>
      <c r="J2973" s="2"/>
      <c r="K2973" s="2"/>
      <c r="L2973" s="2"/>
    </row>
    <row r="2974" spans="1:12" s="17" customFormat="1" ht="27" customHeight="1" x14ac:dyDescent="0.15">
      <c r="A2974" s="13"/>
      <c r="B2974" s="14"/>
      <c r="C2974" s="13"/>
      <c r="D2974" s="14"/>
      <c r="E2974" s="14"/>
      <c r="F2974" s="16"/>
      <c r="G2974" s="2"/>
      <c r="H2974" s="2"/>
      <c r="I2974" s="2"/>
      <c r="J2974" s="2"/>
      <c r="K2974" s="2"/>
      <c r="L2974" s="2"/>
    </row>
    <row r="2975" spans="1:12" s="17" customFormat="1" ht="27" customHeight="1" x14ac:dyDescent="0.15">
      <c r="A2975" s="13"/>
      <c r="B2975" s="14"/>
      <c r="C2975" s="13"/>
      <c r="D2975" s="14"/>
      <c r="E2975" s="14"/>
      <c r="F2975" s="16"/>
      <c r="G2975" s="2"/>
      <c r="H2975" s="2"/>
      <c r="I2975" s="2"/>
      <c r="J2975" s="2"/>
      <c r="K2975" s="2"/>
      <c r="L2975" s="2"/>
    </row>
    <row r="2976" spans="1:12" s="17" customFormat="1" ht="27" customHeight="1" x14ac:dyDescent="0.15">
      <c r="A2976" s="13"/>
      <c r="B2976" s="14"/>
      <c r="C2976" s="13"/>
      <c r="D2976" s="14"/>
      <c r="E2976" s="14"/>
      <c r="F2976" s="16"/>
      <c r="G2976" s="2"/>
      <c r="H2976" s="2"/>
      <c r="I2976" s="2"/>
      <c r="J2976" s="2"/>
      <c r="K2976" s="2"/>
      <c r="L2976" s="2"/>
    </row>
    <row r="2977" spans="1:12" s="17" customFormat="1" ht="27" customHeight="1" x14ac:dyDescent="0.15">
      <c r="A2977" s="13"/>
      <c r="B2977" s="14"/>
      <c r="C2977" s="13"/>
      <c r="D2977" s="14"/>
      <c r="E2977" s="14"/>
      <c r="F2977" s="16"/>
      <c r="G2977" s="2"/>
      <c r="H2977" s="2"/>
      <c r="I2977" s="2"/>
      <c r="J2977" s="2"/>
      <c r="K2977" s="2"/>
      <c r="L2977" s="2"/>
    </row>
    <row r="2978" spans="1:12" s="17" customFormat="1" ht="27" customHeight="1" x14ac:dyDescent="0.15">
      <c r="A2978" s="13"/>
      <c r="B2978" s="14"/>
      <c r="C2978" s="13"/>
      <c r="D2978" s="14"/>
      <c r="E2978" s="14"/>
      <c r="F2978" s="16"/>
      <c r="G2978" s="2"/>
      <c r="H2978" s="2"/>
      <c r="I2978" s="2"/>
      <c r="J2978" s="2"/>
      <c r="K2978" s="2"/>
      <c r="L2978" s="2"/>
    </row>
    <row r="2979" spans="1:12" s="17" customFormat="1" ht="27" customHeight="1" x14ac:dyDescent="0.15">
      <c r="A2979" s="13"/>
      <c r="B2979" s="14"/>
      <c r="C2979" s="13"/>
      <c r="D2979" s="14"/>
      <c r="E2979" s="14"/>
      <c r="F2979" s="16"/>
      <c r="G2979" s="2"/>
      <c r="H2979" s="2"/>
      <c r="I2979" s="2"/>
      <c r="J2979" s="2"/>
      <c r="K2979" s="2"/>
      <c r="L2979" s="2"/>
    </row>
    <row r="2980" spans="1:12" s="17" customFormat="1" ht="27" customHeight="1" x14ac:dyDescent="0.15">
      <c r="A2980" s="13"/>
      <c r="B2980" s="14"/>
      <c r="C2980" s="13"/>
      <c r="D2980" s="14"/>
      <c r="E2980" s="14"/>
      <c r="F2980" s="16"/>
      <c r="G2980" s="2"/>
      <c r="H2980" s="2"/>
      <c r="I2980" s="2"/>
      <c r="J2980" s="2"/>
      <c r="K2980" s="2"/>
      <c r="L2980" s="2"/>
    </row>
    <row r="2981" spans="1:12" s="17" customFormat="1" ht="27" customHeight="1" x14ac:dyDescent="0.15">
      <c r="A2981" s="13"/>
      <c r="B2981" s="14"/>
      <c r="C2981" s="13"/>
      <c r="D2981" s="14"/>
      <c r="E2981" s="14"/>
      <c r="F2981" s="16"/>
      <c r="G2981" s="2"/>
      <c r="H2981" s="2"/>
      <c r="I2981" s="2"/>
      <c r="J2981" s="2"/>
      <c r="K2981" s="2"/>
      <c r="L2981" s="2"/>
    </row>
    <row r="2982" spans="1:12" s="17" customFormat="1" ht="27" customHeight="1" x14ac:dyDescent="0.15">
      <c r="A2982" s="13"/>
      <c r="B2982" s="14"/>
      <c r="C2982" s="13"/>
      <c r="D2982" s="14"/>
      <c r="E2982" s="14"/>
      <c r="F2982" s="16"/>
      <c r="G2982" s="2"/>
      <c r="H2982" s="2"/>
      <c r="I2982" s="2"/>
      <c r="J2982" s="2"/>
      <c r="K2982" s="2"/>
      <c r="L2982" s="2"/>
    </row>
    <row r="2983" spans="1:12" s="17" customFormat="1" ht="27" customHeight="1" x14ac:dyDescent="0.15">
      <c r="A2983" s="13"/>
      <c r="B2983" s="14"/>
      <c r="C2983" s="13"/>
      <c r="D2983" s="14"/>
      <c r="E2983" s="14"/>
      <c r="F2983" s="16"/>
      <c r="G2983" s="2"/>
      <c r="H2983" s="2"/>
      <c r="I2983" s="2"/>
      <c r="J2983" s="2"/>
      <c r="K2983" s="2"/>
      <c r="L2983" s="2"/>
    </row>
    <row r="2984" spans="1:12" s="17" customFormat="1" ht="27" customHeight="1" x14ac:dyDescent="0.15">
      <c r="A2984" s="13"/>
      <c r="B2984" s="14"/>
      <c r="C2984" s="13"/>
      <c r="D2984" s="14"/>
      <c r="E2984" s="14"/>
      <c r="F2984" s="16"/>
      <c r="G2984" s="2"/>
      <c r="H2984" s="2"/>
      <c r="I2984" s="2"/>
      <c r="J2984" s="2"/>
      <c r="K2984" s="2"/>
      <c r="L2984" s="2"/>
    </row>
    <row r="2985" spans="1:12" s="17" customFormat="1" ht="27" customHeight="1" x14ac:dyDescent="0.15">
      <c r="A2985" s="13"/>
      <c r="B2985" s="14"/>
      <c r="C2985" s="13"/>
      <c r="D2985" s="14"/>
      <c r="E2985" s="14"/>
      <c r="F2985" s="16"/>
      <c r="G2985" s="2"/>
      <c r="H2985" s="2"/>
      <c r="I2985" s="2"/>
      <c r="J2985" s="2"/>
      <c r="K2985" s="2"/>
      <c r="L2985" s="2"/>
    </row>
    <row r="2986" spans="1:12" s="17" customFormat="1" ht="27" customHeight="1" x14ac:dyDescent="0.15">
      <c r="A2986" s="13"/>
      <c r="B2986" s="14"/>
      <c r="C2986" s="13"/>
      <c r="D2986" s="14"/>
      <c r="E2986" s="14"/>
      <c r="F2986" s="16"/>
      <c r="G2986" s="2"/>
      <c r="H2986" s="2"/>
      <c r="I2986" s="2"/>
      <c r="J2986" s="2"/>
      <c r="K2986" s="2"/>
      <c r="L2986" s="2"/>
    </row>
    <row r="2987" spans="1:12" s="17" customFormat="1" ht="27" customHeight="1" x14ac:dyDescent="0.15">
      <c r="A2987" s="13"/>
      <c r="B2987" s="14"/>
      <c r="C2987" s="13"/>
      <c r="D2987" s="14"/>
      <c r="E2987" s="14"/>
      <c r="F2987" s="16"/>
      <c r="G2987" s="2"/>
      <c r="H2987" s="2"/>
      <c r="I2987" s="2"/>
      <c r="J2987" s="2"/>
      <c r="K2987" s="2"/>
      <c r="L2987" s="2"/>
    </row>
    <row r="2988" spans="1:12" s="17" customFormat="1" ht="27" customHeight="1" x14ac:dyDescent="0.15">
      <c r="A2988" s="13"/>
      <c r="B2988" s="14"/>
      <c r="C2988" s="13"/>
      <c r="D2988" s="14"/>
      <c r="E2988" s="14"/>
      <c r="F2988" s="16"/>
      <c r="G2988" s="2"/>
      <c r="H2988" s="2"/>
      <c r="I2988" s="2"/>
      <c r="J2988" s="2"/>
      <c r="K2988" s="2"/>
      <c r="L2988" s="2"/>
    </row>
    <row r="2989" spans="1:12" s="17" customFormat="1" ht="27" customHeight="1" x14ac:dyDescent="0.15">
      <c r="A2989" s="13"/>
      <c r="B2989" s="14"/>
      <c r="C2989" s="13"/>
      <c r="D2989" s="14"/>
      <c r="E2989" s="14"/>
      <c r="F2989" s="16"/>
      <c r="G2989" s="2"/>
      <c r="H2989" s="2"/>
      <c r="I2989" s="2"/>
      <c r="J2989" s="2"/>
      <c r="K2989" s="2"/>
      <c r="L2989" s="2"/>
    </row>
    <row r="2990" spans="1:12" s="17" customFormat="1" ht="27" customHeight="1" x14ac:dyDescent="0.15">
      <c r="A2990" s="13"/>
      <c r="B2990" s="14"/>
      <c r="C2990" s="13"/>
      <c r="D2990" s="14"/>
      <c r="E2990" s="14"/>
      <c r="F2990" s="16"/>
      <c r="G2990" s="2"/>
      <c r="H2990" s="2"/>
      <c r="I2990" s="2"/>
      <c r="J2990" s="2"/>
      <c r="K2990" s="2"/>
      <c r="L2990" s="2"/>
    </row>
    <row r="2991" spans="1:12" s="17" customFormat="1" ht="27" customHeight="1" x14ac:dyDescent="0.15">
      <c r="A2991" s="13"/>
      <c r="B2991" s="14"/>
      <c r="C2991" s="13"/>
      <c r="D2991" s="14"/>
      <c r="E2991" s="14"/>
      <c r="F2991" s="16"/>
      <c r="G2991" s="2"/>
      <c r="H2991" s="2"/>
      <c r="I2991" s="2"/>
      <c r="J2991" s="2"/>
      <c r="K2991" s="2"/>
      <c r="L2991" s="2"/>
    </row>
    <row r="2992" spans="1:12" s="17" customFormat="1" ht="27" customHeight="1" x14ac:dyDescent="0.15">
      <c r="A2992" s="13"/>
      <c r="B2992" s="14"/>
      <c r="C2992" s="13"/>
      <c r="D2992" s="14"/>
      <c r="E2992" s="14"/>
      <c r="F2992" s="16"/>
      <c r="G2992" s="2"/>
      <c r="H2992" s="2"/>
      <c r="I2992" s="2"/>
      <c r="J2992" s="2"/>
      <c r="K2992" s="2"/>
      <c r="L2992" s="2"/>
    </row>
    <row r="2993" spans="1:12" s="17" customFormat="1" ht="27" customHeight="1" x14ac:dyDescent="0.15">
      <c r="A2993" s="13"/>
      <c r="B2993" s="14"/>
      <c r="C2993" s="13"/>
      <c r="D2993" s="14"/>
      <c r="E2993" s="14"/>
      <c r="F2993" s="16"/>
      <c r="G2993" s="2"/>
      <c r="H2993" s="2"/>
      <c r="I2993" s="2"/>
      <c r="J2993" s="2"/>
      <c r="K2993" s="2"/>
      <c r="L2993" s="2"/>
    </row>
    <row r="2994" spans="1:12" s="17" customFormat="1" ht="27" customHeight="1" x14ac:dyDescent="0.15">
      <c r="A2994" s="13"/>
      <c r="B2994" s="14"/>
      <c r="C2994" s="13"/>
      <c r="D2994" s="14"/>
      <c r="E2994" s="14"/>
      <c r="F2994" s="16"/>
      <c r="G2994" s="2"/>
      <c r="H2994" s="2"/>
      <c r="I2994" s="2"/>
      <c r="J2994" s="2"/>
      <c r="K2994" s="2"/>
      <c r="L2994" s="2"/>
    </row>
    <row r="2995" spans="1:12" s="17" customFormat="1" ht="27" customHeight="1" x14ac:dyDescent="0.15">
      <c r="A2995" s="13"/>
      <c r="B2995" s="14"/>
      <c r="C2995" s="13"/>
      <c r="D2995" s="14"/>
      <c r="E2995" s="14"/>
      <c r="F2995" s="16"/>
      <c r="G2995" s="2"/>
      <c r="H2995" s="2"/>
      <c r="I2995" s="2"/>
      <c r="J2995" s="2"/>
      <c r="K2995" s="2"/>
      <c r="L2995" s="2"/>
    </row>
    <row r="2996" spans="1:12" s="17" customFormat="1" ht="27" customHeight="1" x14ac:dyDescent="0.15">
      <c r="A2996" s="13"/>
      <c r="B2996" s="14"/>
      <c r="C2996" s="13"/>
      <c r="D2996" s="14"/>
      <c r="E2996" s="14"/>
      <c r="F2996" s="16"/>
      <c r="G2996" s="2"/>
      <c r="H2996" s="2"/>
      <c r="I2996" s="2"/>
      <c r="J2996" s="2"/>
      <c r="K2996" s="2"/>
      <c r="L2996" s="2"/>
    </row>
    <row r="2997" spans="1:12" s="17" customFormat="1" ht="27" customHeight="1" x14ac:dyDescent="0.15">
      <c r="A2997" s="13"/>
      <c r="B2997" s="14"/>
      <c r="C2997" s="13"/>
      <c r="D2997" s="14"/>
      <c r="E2997" s="14"/>
      <c r="F2997" s="16"/>
      <c r="G2997" s="2"/>
      <c r="H2997" s="2"/>
      <c r="I2997" s="2"/>
      <c r="J2997" s="2"/>
      <c r="K2997" s="2"/>
      <c r="L2997" s="2"/>
    </row>
    <row r="2998" spans="1:12" s="17" customFormat="1" ht="27" customHeight="1" x14ac:dyDescent="0.15">
      <c r="A2998" s="13"/>
      <c r="B2998" s="14"/>
      <c r="C2998" s="13"/>
      <c r="D2998" s="14"/>
      <c r="E2998" s="14"/>
      <c r="F2998" s="16"/>
      <c r="G2998" s="2"/>
      <c r="H2998" s="2"/>
      <c r="I2998" s="2"/>
      <c r="J2998" s="2"/>
      <c r="K2998" s="2"/>
      <c r="L2998" s="2"/>
    </row>
    <row r="2999" spans="1:12" s="17" customFormat="1" ht="27" customHeight="1" x14ac:dyDescent="0.15">
      <c r="A2999" s="13"/>
      <c r="B2999" s="14"/>
      <c r="C2999" s="13"/>
      <c r="D2999" s="14"/>
      <c r="E2999" s="14"/>
      <c r="F2999" s="16"/>
      <c r="G2999" s="2"/>
      <c r="H2999" s="2"/>
      <c r="I2999" s="2"/>
      <c r="J2999" s="2"/>
      <c r="K2999" s="2"/>
      <c r="L2999" s="2"/>
    </row>
    <row r="3000" spans="1:12" s="17" customFormat="1" ht="27" customHeight="1" x14ac:dyDescent="0.15">
      <c r="A3000" s="13"/>
      <c r="B3000" s="14"/>
      <c r="C3000" s="13"/>
      <c r="D3000" s="14"/>
      <c r="E3000" s="14"/>
      <c r="F3000" s="16"/>
      <c r="G3000" s="2"/>
      <c r="H3000" s="2"/>
      <c r="I3000" s="2"/>
      <c r="J3000" s="2"/>
      <c r="K3000" s="2"/>
      <c r="L3000" s="2"/>
    </row>
    <row r="3001" spans="1:12" s="17" customFormat="1" ht="27" customHeight="1" x14ac:dyDescent="0.15">
      <c r="A3001" s="13"/>
      <c r="B3001" s="14"/>
      <c r="C3001" s="13"/>
      <c r="D3001" s="14"/>
      <c r="E3001" s="14"/>
      <c r="F3001" s="16"/>
      <c r="G3001" s="2"/>
      <c r="H3001" s="2"/>
      <c r="I3001" s="2"/>
      <c r="J3001" s="2"/>
      <c r="K3001" s="2"/>
      <c r="L3001" s="2"/>
    </row>
    <row r="3002" spans="1:12" s="17" customFormat="1" ht="27" customHeight="1" x14ac:dyDescent="0.15">
      <c r="A3002" s="13"/>
      <c r="B3002" s="14"/>
      <c r="C3002" s="13"/>
      <c r="D3002" s="14"/>
      <c r="E3002" s="14"/>
      <c r="F3002" s="16"/>
      <c r="G3002" s="2"/>
      <c r="H3002" s="2"/>
      <c r="I3002" s="2"/>
      <c r="J3002" s="2"/>
      <c r="K3002" s="2"/>
      <c r="L3002" s="2"/>
    </row>
    <row r="3003" spans="1:12" s="17" customFormat="1" ht="27" customHeight="1" x14ac:dyDescent="0.15">
      <c r="A3003" s="13"/>
      <c r="B3003" s="14"/>
      <c r="C3003" s="13"/>
      <c r="D3003" s="14"/>
      <c r="E3003" s="14"/>
      <c r="F3003" s="16"/>
      <c r="G3003" s="2"/>
      <c r="H3003" s="2"/>
      <c r="I3003" s="2"/>
      <c r="J3003" s="2"/>
      <c r="K3003" s="2"/>
      <c r="L3003" s="2"/>
    </row>
    <row r="3004" spans="1:12" s="17" customFormat="1" ht="27" customHeight="1" x14ac:dyDescent="0.15">
      <c r="A3004" s="13"/>
      <c r="B3004" s="14"/>
      <c r="C3004" s="13"/>
      <c r="D3004" s="14"/>
      <c r="E3004" s="14"/>
      <c r="F3004" s="16"/>
      <c r="G3004" s="2"/>
      <c r="H3004" s="2"/>
      <c r="I3004" s="2"/>
      <c r="J3004" s="2"/>
      <c r="K3004" s="2"/>
      <c r="L3004" s="2"/>
    </row>
    <row r="3005" spans="1:12" s="17" customFormat="1" ht="27" customHeight="1" x14ac:dyDescent="0.15">
      <c r="A3005" s="13"/>
      <c r="B3005" s="14"/>
      <c r="C3005" s="13"/>
      <c r="D3005" s="14"/>
      <c r="E3005" s="14"/>
      <c r="F3005" s="16"/>
      <c r="G3005" s="2"/>
      <c r="H3005" s="2"/>
      <c r="I3005" s="2"/>
      <c r="J3005" s="2"/>
      <c r="K3005" s="2"/>
      <c r="L3005" s="2"/>
    </row>
    <row r="3006" spans="1:12" s="17" customFormat="1" ht="27" customHeight="1" x14ac:dyDescent="0.15">
      <c r="A3006" s="13"/>
      <c r="B3006" s="14"/>
      <c r="C3006" s="13"/>
      <c r="D3006" s="14"/>
      <c r="E3006" s="14"/>
      <c r="F3006" s="16"/>
      <c r="G3006" s="2"/>
      <c r="H3006" s="2"/>
      <c r="I3006" s="2"/>
      <c r="J3006" s="2"/>
      <c r="K3006" s="2"/>
      <c r="L3006" s="2"/>
    </row>
    <row r="3007" spans="1:12" s="17" customFormat="1" ht="27" customHeight="1" x14ac:dyDescent="0.15">
      <c r="A3007" s="13"/>
      <c r="B3007" s="14"/>
      <c r="C3007" s="13"/>
      <c r="D3007" s="14"/>
      <c r="E3007" s="14"/>
      <c r="F3007" s="16"/>
      <c r="G3007" s="2"/>
      <c r="H3007" s="2"/>
      <c r="I3007" s="2"/>
      <c r="J3007" s="2"/>
      <c r="K3007" s="2"/>
      <c r="L3007" s="2"/>
    </row>
    <row r="3008" spans="1:12" s="17" customFormat="1" ht="27" customHeight="1" x14ac:dyDescent="0.15">
      <c r="A3008" s="13"/>
      <c r="B3008" s="14"/>
      <c r="C3008" s="13"/>
      <c r="D3008" s="14"/>
      <c r="E3008" s="14"/>
      <c r="F3008" s="16"/>
      <c r="G3008" s="2"/>
      <c r="H3008" s="2"/>
      <c r="I3008" s="2"/>
      <c r="J3008" s="2"/>
      <c r="K3008" s="2"/>
      <c r="L3008" s="2"/>
    </row>
    <row r="3009" spans="1:12" s="17" customFormat="1" ht="27" customHeight="1" x14ac:dyDescent="0.15">
      <c r="A3009" s="13"/>
      <c r="B3009" s="14"/>
      <c r="C3009" s="13"/>
      <c r="D3009" s="14"/>
      <c r="E3009" s="14"/>
      <c r="F3009" s="16"/>
      <c r="G3009" s="2"/>
      <c r="H3009" s="2"/>
      <c r="I3009" s="2"/>
      <c r="J3009" s="2"/>
      <c r="K3009" s="2"/>
      <c r="L3009" s="2"/>
    </row>
    <row r="3010" spans="1:12" s="17" customFormat="1" ht="27" customHeight="1" x14ac:dyDescent="0.15">
      <c r="A3010" s="13"/>
      <c r="B3010" s="14"/>
      <c r="C3010" s="13"/>
      <c r="D3010" s="14"/>
      <c r="E3010" s="14"/>
      <c r="F3010" s="16"/>
      <c r="G3010" s="2"/>
      <c r="H3010" s="2"/>
      <c r="I3010" s="2"/>
      <c r="J3010" s="2"/>
      <c r="K3010" s="2"/>
      <c r="L3010" s="2"/>
    </row>
    <row r="3011" spans="1:12" s="17" customFormat="1" ht="27" customHeight="1" x14ac:dyDescent="0.15">
      <c r="A3011" s="13"/>
      <c r="B3011" s="14"/>
      <c r="C3011" s="13"/>
      <c r="D3011" s="14"/>
      <c r="E3011" s="14"/>
      <c r="F3011" s="16"/>
      <c r="G3011" s="2"/>
      <c r="H3011" s="2"/>
      <c r="I3011" s="2"/>
      <c r="J3011" s="2"/>
      <c r="K3011" s="2"/>
      <c r="L3011" s="2"/>
    </row>
    <row r="3012" spans="1:12" s="17" customFormat="1" ht="27" customHeight="1" x14ac:dyDescent="0.15">
      <c r="A3012" s="13"/>
      <c r="B3012" s="14"/>
      <c r="C3012" s="13"/>
      <c r="D3012" s="14"/>
      <c r="E3012" s="14"/>
      <c r="F3012" s="16"/>
      <c r="G3012" s="2"/>
      <c r="H3012" s="2"/>
      <c r="I3012" s="2"/>
      <c r="J3012" s="2"/>
      <c r="K3012" s="2"/>
      <c r="L3012" s="2"/>
    </row>
    <row r="3013" spans="1:12" s="17" customFormat="1" ht="27" customHeight="1" x14ac:dyDescent="0.15">
      <c r="A3013" s="13"/>
      <c r="B3013" s="14"/>
      <c r="C3013" s="13"/>
      <c r="D3013" s="14"/>
      <c r="E3013" s="14"/>
      <c r="F3013" s="16"/>
      <c r="G3013" s="2"/>
      <c r="H3013" s="2"/>
      <c r="I3013" s="2"/>
      <c r="J3013" s="2"/>
      <c r="K3013" s="2"/>
      <c r="L3013" s="2"/>
    </row>
    <row r="3014" spans="1:12" s="17" customFormat="1" ht="27" customHeight="1" x14ac:dyDescent="0.15">
      <c r="A3014" s="13"/>
      <c r="B3014" s="14"/>
      <c r="C3014" s="13"/>
      <c r="D3014" s="14"/>
      <c r="E3014" s="14"/>
      <c r="F3014" s="16"/>
      <c r="G3014" s="2"/>
      <c r="H3014" s="2"/>
      <c r="I3014" s="2"/>
      <c r="J3014" s="2"/>
      <c r="K3014" s="2"/>
      <c r="L3014" s="2"/>
    </row>
    <row r="3015" spans="1:12" s="17" customFormat="1" ht="27" customHeight="1" x14ac:dyDescent="0.15">
      <c r="A3015" s="13"/>
      <c r="B3015" s="14"/>
      <c r="C3015" s="13"/>
      <c r="D3015" s="14"/>
      <c r="E3015" s="14"/>
      <c r="F3015" s="16"/>
      <c r="G3015" s="2"/>
      <c r="H3015" s="2"/>
      <c r="I3015" s="2"/>
      <c r="J3015" s="2"/>
      <c r="K3015" s="2"/>
      <c r="L3015" s="2"/>
    </row>
    <row r="3016" spans="1:12" s="17" customFormat="1" ht="27" customHeight="1" x14ac:dyDescent="0.15">
      <c r="A3016" s="13"/>
      <c r="B3016" s="14"/>
      <c r="C3016" s="13"/>
      <c r="D3016" s="14"/>
      <c r="E3016" s="14"/>
      <c r="F3016" s="16"/>
      <c r="G3016" s="2"/>
      <c r="H3016" s="2"/>
      <c r="I3016" s="2"/>
      <c r="J3016" s="2"/>
      <c r="K3016" s="2"/>
      <c r="L3016" s="2"/>
    </row>
    <row r="3017" spans="1:12" s="17" customFormat="1" ht="27" customHeight="1" x14ac:dyDescent="0.15">
      <c r="A3017" s="13"/>
      <c r="B3017" s="14"/>
      <c r="C3017" s="13"/>
      <c r="D3017" s="14"/>
      <c r="E3017" s="14"/>
      <c r="F3017" s="16"/>
      <c r="G3017" s="2"/>
      <c r="H3017" s="2"/>
      <c r="I3017" s="2"/>
      <c r="J3017" s="2"/>
      <c r="K3017" s="2"/>
      <c r="L3017" s="2"/>
    </row>
    <row r="3018" spans="1:12" s="17" customFormat="1" ht="27" customHeight="1" x14ac:dyDescent="0.15">
      <c r="A3018" s="13"/>
      <c r="B3018" s="14"/>
      <c r="C3018" s="13"/>
      <c r="D3018" s="14"/>
      <c r="E3018" s="14"/>
      <c r="F3018" s="16"/>
      <c r="G3018" s="2"/>
      <c r="H3018" s="2"/>
      <c r="I3018" s="2"/>
      <c r="J3018" s="2"/>
      <c r="K3018" s="2"/>
      <c r="L3018" s="2"/>
    </row>
    <row r="3019" spans="1:12" s="17" customFormat="1" ht="27" customHeight="1" x14ac:dyDescent="0.15">
      <c r="A3019" s="13"/>
      <c r="B3019" s="14"/>
      <c r="C3019" s="13"/>
      <c r="D3019" s="14"/>
      <c r="E3019" s="14"/>
      <c r="F3019" s="16"/>
      <c r="G3019" s="2"/>
      <c r="H3019" s="2"/>
      <c r="I3019" s="2"/>
      <c r="J3019" s="2"/>
      <c r="K3019" s="2"/>
      <c r="L3019" s="2"/>
    </row>
    <row r="3020" spans="1:12" s="17" customFormat="1" ht="27" customHeight="1" x14ac:dyDescent="0.15">
      <c r="A3020" s="13"/>
      <c r="B3020" s="14"/>
      <c r="C3020" s="13"/>
      <c r="D3020" s="14"/>
      <c r="E3020" s="14"/>
      <c r="F3020" s="16"/>
      <c r="G3020" s="2"/>
      <c r="H3020" s="2"/>
      <c r="I3020" s="2"/>
      <c r="J3020" s="2"/>
      <c r="K3020" s="2"/>
      <c r="L3020" s="2"/>
    </row>
    <row r="3021" spans="1:12" s="17" customFormat="1" ht="27" customHeight="1" x14ac:dyDescent="0.15">
      <c r="A3021" s="13"/>
      <c r="B3021" s="14"/>
      <c r="C3021" s="13"/>
      <c r="D3021" s="14"/>
      <c r="E3021" s="14"/>
      <c r="F3021" s="16"/>
      <c r="G3021" s="2"/>
      <c r="H3021" s="2"/>
      <c r="I3021" s="2"/>
      <c r="J3021" s="2"/>
      <c r="K3021" s="2"/>
      <c r="L3021" s="2"/>
    </row>
    <row r="3022" spans="1:12" s="17" customFormat="1" ht="27" customHeight="1" x14ac:dyDescent="0.15">
      <c r="A3022" s="13"/>
      <c r="B3022" s="14"/>
      <c r="C3022" s="13"/>
      <c r="D3022" s="14"/>
      <c r="E3022" s="14"/>
      <c r="F3022" s="16"/>
      <c r="G3022" s="2"/>
      <c r="H3022" s="2"/>
      <c r="I3022" s="2"/>
      <c r="J3022" s="2"/>
      <c r="K3022" s="2"/>
      <c r="L3022" s="2"/>
    </row>
    <row r="3023" spans="1:12" s="17" customFormat="1" ht="27" customHeight="1" x14ac:dyDescent="0.15">
      <c r="A3023" s="13"/>
      <c r="B3023" s="14"/>
      <c r="C3023" s="13"/>
      <c r="D3023" s="14"/>
      <c r="E3023" s="14"/>
      <c r="F3023" s="16"/>
      <c r="G3023" s="2"/>
      <c r="H3023" s="2"/>
      <c r="I3023" s="2"/>
      <c r="J3023" s="2"/>
      <c r="K3023" s="2"/>
      <c r="L3023" s="2"/>
    </row>
    <row r="3024" spans="1:12" s="17" customFormat="1" ht="27" customHeight="1" x14ac:dyDescent="0.15">
      <c r="A3024" s="13"/>
      <c r="B3024" s="14"/>
      <c r="C3024" s="13"/>
      <c r="D3024" s="14"/>
      <c r="E3024" s="14"/>
      <c r="F3024" s="16"/>
      <c r="G3024" s="2"/>
      <c r="H3024" s="2"/>
      <c r="I3024" s="2"/>
      <c r="J3024" s="2"/>
      <c r="K3024" s="2"/>
      <c r="L3024" s="2"/>
    </row>
    <row r="3025" spans="1:12" s="17" customFormat="1" ht="27" customHeight="1" x14ac:dyDescent="0.15">
      <c r="A3025" s="13"/>
      <c r="B3025" s="14"/>
      <c r="C3025" s="13"/>
      <c r="D3025" s="14"/>
      <c r="E3025" s="14"/>
      <c r="F3025" s="16"/>
      <c r="G3025" s="2"/>
      <c r="H3025" s="2"/>
      <c r="I3025" s="2"/>
      <c r="J3025" s="2"/>
      <c r="K3025" s="2"/>
      <c r="L3025" s="2"/>
    </row>
    <row r="3026" spans="1:12" s="17" customFormat="1" ht="27" customHeight="1" x14ac:dyDescent="0.15">
      <c r="A3026" s="13"/>
      <c r="B3026" s="14"/>
      <c r="C3026" s="13"/>
      <c r="D3026" s="14"/>
      <c r="E3026" s="14"/>
      <c r="F3026" s="16"/>
      <c r="G3026" s="2"/>
      <c r="H3026" s="2"/>
      <c r="I3026" s="2"/>
      <c r="J3026" s="2"/>
      <c r="K3026" s="2"/>
      <c r="L3026" s="2"/>
    </row>
    <row r="3027" spans="1:12" s="17" customFormat="1" ht="27" customHeight="1" x14ac:dyDescent="0.15">
      <c r="A3027" s="13"/>
      <c r="B3027" s="14"/>
      <c r="C3027" s="13"/>
      <c r="D3027" s="14"/>
      <c r="E3027" s="14"/>
      <c r="F3027" s="16"/>
      <c r="G3027" s="2"/>
      <c r="H3027" s="2"/>
      <c r="I3027" s="2"/>
      <c r="J3027" s="2"/>
      <c r="K3027" s="2"/>
      <c r="L3027" s="2"/>
    </row>
    <row r="3028" spans="1:12" s="17" customFormat="1" ht="27" customHeight="1" x14ac:dyDescent="0.15">
      <c r="A3028" s="13"/>
      <c r="B3028" s="14"/>
      <c r="C3028" s="13"/>
      <c r="D3028" s="14"/>
      <c r="E3028" s="14"/>
      <c r="F3028" s="16"/>
      <c r="G3028" s="2"/>
      <c r="H3028" s="2"/>
      <c r="I3028" s="2"/>
      <c r="J3028" s="2"/>
      <c r="K3028" s="2"/>
      <c r="L3028" s="2"/>
    </row>
    <row r="3029" spans="1:12" s="17" customFormat="1" ht="27" customHeight="1" x14ac:dyDescent="0.15">
      <c r="A3029" s="13"/>
      <c r="B3029" s="14"/>
      <c r="C3029" s="13"/>
      <c r="D3029" s="14"/>
      <c r="E3029" s="14"/>
      <c r="F3029" s="16"/>
      <c r="G3029" s="2"/>
      <c r="H3029" s="2"/>
      <c r="I3029" s="2"/>
      <c r="J3029" s="2"/>
      <c r="K3029" s="2"/>
      <c r="L3029" s="2"/>
    </row>
    <row r="3030" spans="1:12" s="17" customFormat="1" ht="27" customHeight="1" x14ac:dyDescent="0.15">
      <c r="A3030" s="13"/>
      <c r="B3030" s="14"/>
      <c r="C3030" s="13"/>
      <c r="D3030" s="14"/>
      <c r="E3030" s="14"/>
      <c r="F3030" s="16"/>
      <c r="G3030" s="2"/>
      <c r="H3030" s="2"/>
      <c r="I3030" s="2"/>
      <c r="J3030" s="2"/>
      <c r="K3030" s="2"/>
      <c r="L3030" s="2"/>
    </row>
    <row r="3031" spans="1:12" s="17" customFormat="1" ht="27" customHeight="1" x14ac:dyDescent="0.15">
      <c r="A3031" s="13"/>
      <c r="B3031" s="14"/>
      <c r="C3031" s="13"/>
      <c r="D3031" s="14"/>
      <c r="E3031" s="14"/>
      <c r="F3031" s="16"/>
      <c r="G3031" s="2"/>
      <c r="H3031" s="2"/>
      <c r="I3031" s="2"/>
      <c r="J3031" s="2"/>
      <c r="K3031" s="2"/>
      <c r="L3031" s="2"/>
    </row>
    <row r="3032" spans="1:12" s="17" customFormat="1" ht="27" customHeight="1" x14ac:dyDescent="0.15">
      <c r="A3032" s="13"/>
      <c r="B3032" s="14"/>
      <c r="C3032" s="13"/>
      <c r="D3032" s="14"/>
      <c r="E3032" s="14"/>
      <c r="F3032" s="16"/>
      <c r="G3032" s="2"/>
      <c r="H3032" s="2"/>
      <c r="I3032" s="2"/>
      <c r="J3032" s="2"/>
      <c r="K3032" s="2"/>
      <c r="L3032" s="2"/>
    </row>
    <row r="3033" spans="1:12" s="17" customFormat="1" ht="27" customHeight="1" x14ac:dyDescent="0.15">
      <c r="A3033" s="13"/>
      <c r="B3033" s="14"/>
      <c r="C3033" s="13"/>
      <c r="D3033" s="14"/>
      <c r="E3033" s="14"/>
      <c r="F3033" s="16"/>
      <c r="G3033" s="2"/>
      <c r="H3033" s="2"/>
      <c r="I3033" s="2"/>
      <c r="J3033" s="2"/>
      <c r="K3033" s="2"/>
      <c r="L3033" s="2"/>
    </row>
    <row r="3034" spans="1:12" s="17" customFormat="1" ht="27" customHeight="1" x14ac:dyDescent="0.15">
      <c r="A3034" s="13"/>
      <c r="B3034" s="14"/>
      <c r="C3034" s="13"/>
      <c r="D3034" s="14"/>
      <c r="E3034" s="14"/>
      <c r="F3034" s="16"/>
      <c r="G3034" s="2"/>
      <c r="H3034" s="2"/>
      <c r="I3034" s="2"/>
      <c r="J3034" s="2"/>
      <c r="K3034" s="2"/>
      <c r="L3034" s="2"/>
    </row>
    <row r="3035" spans="1:12" s="17" customFormat="1" ht="27" customHeight="1" x14ac:dyDescent="0.15">
      <c r="A3035" s="13"/>
      <c r="B3035" s="14"/>
      <c r="C3035" s="13"/>
      <c r="D3035" s="14"/>
      <c r="E3035" s="14"/>
      <c r="F3035" s="16"/>
      <c r="G3035" s="2"/>
      <c r="H3035" s="2"/>
      <c r="I3035" s="2"/>
      <c r="J3035" s="2"/>
      <c r="K3035" s="2"/>
      <c r="L3035" s="2"/>
    </row>
    <row r="3036" spans="1:12" s="17" customFormat="1" ht="27" customHeight="1" x14ac:dyDescent="0.15">
      <c r="A3036" s="13"/>
      <c r="B3036" s="14"/>
      <c r="C3036" s="13"/>
      <c r="D3036" s="14"/>
      <c r="E3036" s="14"/>
      <c r="F3036" s="16"/>
      <c r="G3036" s="2"/>
      <c r="H3036" s="2"/>
      <c r="I3036" s="2"/>
      <c r="J3036" s="2"/>
      <c r="K3036" s="2"/>
      <c r="L3036" s="2"/>
    </row>
    <row r="3037" spans="1:12" s="17" customFormat="1" ht="27" customHeight="1" x14ac:dyDescent="0.15">
      <c r="A3037" s="13"/>
      <c r="B3037" s="14"/>
      <c r="C3037" s="13"/>
      <c r="D3037" s="14"/>
      <c r="E3037" s="14"/>
      <c r="F3037" s="16"/>
      <c r="G3037" s="2"/>
      <c r="H3037" s="2"/>
      <c r="I3037" s="2"/>
      <c r="J3037" s="2"/>
      <c r="K3037" s="2"/>
      <c r="L3037" s="2"/>
    </row>
    <row r="3038" spans="1:12" s="17" customFormat="1" ht="27" customHeight="1" x14ac:dyDescent="0.15">
      <c r="A3038" s="13"/>
      <c r="B3038" s="14"/>
      <c r="C3038" s="13"/>
      <c r="D3038" s="14"/>
      <c r="E3038" s="14"/>
      <c r="F3038" s="16"/>
      <c r="G3038" s="2"/>
      <c r="H3038" s="2"/>
      <c r="I3038" s="2"/>
      <c r="J3038" s="2"/>
      <c r="K3038" s="2"/>
      <c r="L3038" s="2"/>
    </row>
    <row r="3039" spans="1:12" s="17" customFormat="1" ht="27" customHeight="1" x14ac:dyDescent="0.15">
      <c r="A3039" s="13"/>
      <c r="B3039" s="14"/>
      <c r="C3039" s="13"/>
      <c r="D3039" s="14"/>
      <c r="E3039" s="14"/>
      <c r="F3039" s="16"/>
      <c r="G3039" s="2"/>
      <c r="H3039" s="2"/>
      <c r="I3039" s="2"/>
      <c r="J3039" s="2"/>
      <c r="K3039" s="2"/>
      <c r="L3039" s="2"/>
    </row>
    <row r="3040" spans="1:12" s="17" customFormat="1" ht="27" customHeight="1" x14ac:dyDescent="0.15">
      <c r="A3040" s="13"/>
      <c r="B3040" s="14"/>
      <c r="C3040" s="13"/>
      <c r="D3040" s="14"/>
      <c r="E3040" s="14"/>
      <c r="F3040" s="16"/>
      <c r="G3040" s="2"/>
      <c r="H3040" s="2"/>
      <c r="I3040" s="2"/>
      <c r="J3040" s="2"/>
      <c r="K3040" s="2"/>
      <c r="L3040" s="2"/>
    </row>
    <row r="3041" spans="1:12" s="17" customFormat="1" ht="27" customHeight="1" x14ac:dyDescent="0.15">
      <c r="A3041" s="13"/>
      <c r="B3041" s="14"/>
      <c r="C3041" s="13"/>
      <c r="D3041" s="14"/>
      <c r="E3041" s="14"/>
      <c r="F3041" s="16"/>
      <c r="G3041" s="2"/>
      <c r="H3041" s="2"/>
      <c r="I3041" s="2"/>
      <c r="J3041" s="2"/>
      <c r="K3041" s="2"/>
      <c r="L3041" s="2"/>
    </row>
    <row r="3042" spans="1:12" s="17" customFormat="1" ht="27" customHeight="1" x14ac:dyDescent="0.15">
      <c r="A3042" s="13"/>
      <c r="B3042" s="14"/>
      <c r="C3042" s="13"/>
      <c r="D3042" s="14"/>
      <c r="E3042" s="14"/>
      <c r="F3042" s="16"/>
      <c r="G3042" s="2"/>
      <c r="H3042" s="2"/>
      <c r="I3042" s="2"/>
      <c r="J3042" s="2"/>
      <c r="K3042" s="2"/>
      <c r="L3042" s="2"/>
    </row>
    <row r="3043" spans="1:12" s="17" customFormat="1" ht="27" customHeight="1" x14ac:dyDescent="0.15">
      <c r="A3043" s="13"/>
      <c r="B3043" s="14"/>
      <c r="C3043" s="13"/>
      <c r="D3043" s="14"/>
      <c r="E3043" s="14"/>
      <c r="F3043" s="16"/>
      <c r="G3043" s="2"/>
      <c r="H3043" s="2"/>
      <c r="I3043" s="2"/>
      <c r="J3043" s="2"/>
      <c r="K3043" s="2"/>
      <c r="L3043" s="2"/>
    </row>
    <row r="3044" spans="1:12" s="17" customFormat="1" ht="27" customHeight="1" x14ac:dyDescent="0.15">
      <c r="A3044" s="13"/>
      <c r="B3044" s="14"/>
      <c r="C3044" s="13"/>
      <c r="D3044" s="14"/>
      <c r="E3044" s="14"/>
      <c r="F3044" s="16"/>
      <c r="G3044" s="2"/>
      <c r="H3044" s="2"/>
      <c r="I3044" s="2"/>
      <c r="J3044" s="2"/>
      <c r="K3044" s="2"/>
      <c r="L3044" s="2"/>
    </row>
    <row r="3045" spans="1:12" s="17" customFormat="1" ht="27" customHeight="1" x14ac:dyDescent="0.15">
      <c r="A3045" s="13"/>
      <c r="B3045" s="14"/>
      <c r="C3045" s="13"/>
      <c r="D3045" s="14"/>
      <c r="E3045" s="14"/>
      <c r="F3045" s="16"/>
      <c r="G3045" s="2"/>
      <c r="H3045" s="2"/>
      <c r="I3045" s="2"/>
      <c r="J3045" s="2"/>
      <c r="K3045" s="2"/>
      <c r="L3045" s="2"/>
    </row>
    <row r="3046" spans="1:12" s="17" customFormat="1" ht="27" customHeight="1" x14ac:dyDescent="0.15">
      <c r="A3046" s="13"/>
      <c r="B3046" s="14"/>
      <c r="C3046" s="13"/>
      <c r="D3046" s="14"/>
      <c r="E3046" s="14"/>
      <c r="F3046" s="16"/>
      <c r="G3046" s="2"/>
      <c r="H3046" s="2"/>
      <c r="I3046" s="2"/>
      <c r="J3046" s="2"/>
      <c r="K3046" s="2"/>
      <c r="L3046" s="2"/>
    </row>
    <row r="3047" spans="1:12" s="17" customFormat="1" ht="27" customHeight="1" x14ac:dyDescent="0.15">
      <c r="A3047" s="13"/>
      <c r="B3047" s="14"/>
      <c r="C3047" s="13"/>
      <c r="D3047" s="14"/>
      <c r="E3047" s="14"/>
      <c r="F3047" s="16"/>
      <c r="G3047" s="2"/>
      <c r="H3047" s="2"/>
      <c r="I3047" s="2"/>
      <c r="J3047" s="2"/>
      <c r="K3047" s="2"/>
      <c r="L3047" s="2"/>
    </row>
    <row r="3048" spans="1:12" s="17" customFormat="1" ht="27" customHeight="1" x14ac:dyDescent="0.15">
      <c r="A3048" s="13"/>
      <c r="B3048" s="14"/>
      <c r="C3048" s="13"/>
      <c r="D3048" s="14"/>
      <c r="E3048" s="14"/>
      <c r="F3048" s="16"/>
      <c r="G3048" s="2"/>
      <c r="H3048" s="2"/>
      <c r="I3048" s="2"/>
      <c r="J3048" s="2"/>
      <c r="K3048" s="2"/>
      <c r="L3048" s="2"/>
    </row>
    <row r="3049" spans="1:12" s="17" customFormat="1" ht="27" customHeight="1" x14ac:dyDescent="0.15">
      <c r="A3049" s="13"/>
      <c r="B3049" s="14"/>
      <c r="C3049" s="13"/>
      <c r="D3049" s="14"/>
      <c r="E3049" s="14"/>
      <c r="F3049" s="16"/>
      <c r="G3049" s="2"/>
      <c r="H3049" s="2"/>
      <c r="I3049" s="2"/>
      <c r="J3049" s="2"/>
      <c r="K3049" s="2"/>
      <c r="L3049" s="2"/>
    </row>
    <row r="3050" spans="1:12" s="17" customFormat="1" ht="27" customHeight="1" x14ac:dyDescent="0.15">
      <c r="A3050" s="13"/>
      <c r="B3050" s="14"/>
      <c r="C3050" s="13"/>
      <c r="D3050" s="14"/>
      <c r="E3050" s="14"/>
      <c r="F3050" s="16"/>
      <c r="G3050" s="2"/>
      <c r="H3050" s="2"/>
      <c r="I3050" s="2"/>
      <c r="J3050" s="2"/>
      <c r="K3050" s="2"/>
      <c r="L3050" s="2"/>
    </row>
    <row r="3051" spans="1:12" s="17" customFormat="1" ht="27" customHeight="1" x14ac:dyDescent="0.15">
      <c r="A3051" s="13"/>
      <c r="B3051" s="14"/>
      <c r="C3051" s="13"/>
      <c r="D3051" s="14"/>
      <c r="E3051" s="14"/>
      <c r="F3051" s="16"/>
      <c r="G3051" s="2"/>
      <c r="H3051" s="2"/>
      <c r="I3051" s="2"/>
      <c r="J3051" s="2"/>
      <c r="K3051" s="2"/>
      <c r="L3051" s="2"/>
    </row>
    <row r="3052" spans="1:12" s="17" customFormat="1" ht="27" customHeight="1" x14ac:dyDescent="0.15">
      <c r="A3052" s="13"/>
      <c r="B3052" s="14"/>
      <c r="C3052" s="13"/>
      <c r="D3052" s="14"/>
      <c r="E3052" s="14"/>
      <c r="F3052" s="16"/>
      <c r="G3052" s="2"/>
      <c r="H3052" s="2"/>
      <c r="I3052" s="2"/>
      <c r="J3052" s="2"/>
      <c r="K3052" s="2"/>
      <c r="L3052" s="2"/>
    </row>
    <row r="3053" spans="1:12" s="17" customFormat="1" ht="27" customHeight="1" x14ac:dyDescent="0.15">
      <c r="A3053" s="13"/>
      <c r="B3053" s="14"/>
      <c r="C3053" s="13"/>
      <c r="D3053" s="14"/>
      <c r="E3053" s="14"/>
      <c r="F3053" s="16"/>
      <c r="G3053" s="2"/>
      <c r="H3053" s="2"/>
      <c r="I3053" s="2"/>
      <c r="J3053" s="2"/>
      <c r="K3053" s="2"/>
      <c r="L3053" s="2"/>
    </row>
    <row r="3054" spans="1:12" s="17" customFormat="1" ht="27" customHeight="1" x14ac:dyDescent="0.15">
      <c r="A3054" s="13"/>
      <c r="B3054" s="14"/>
      <c r="C3054" s="13"/>
      <c r="D3054" s="14"/>
      <c r="E3054" s="14"/>
      <c r="F3054" s="16"/>
      <c r="G3054" s="2"/>
      <c r="H3054" s="2"/>
      <c r="I3054" s="2"/>
      <c r="J3054" s="2"/>
      <c r="K3054" s="2"/>
      <c r="L3054" s="2"/>
    </row>
    <row r="3055" spans="1:12" s="17" customFormat="1" ht="27" customHeight="1" x14ac:dyDescent="0.15">
      <c r="A3055" s="13"/>
      <c r="B3055" s="14"/>
      <c r="C3055" s="13"/>
      <c r="D3055" s="14"/>
      <c r="E3055" s="14"/>
      <c r="F3055" s="16"/>
      <c r="G3055" s="2"/>
      <c r="H3055" s="2"/>
      <c r="I3055" s="2"/>
      <c r="J3055" s="2"/>
      <c r="K3055" s="2"/>
      <c r="L3055" s="2"/>
    </row>
    <row r="3056" spans="1:12" s="17" customFormat="1" ht="27" customHeight="1" x14ac:dyDescent="0.15">
      <c r="A3056" s="13"/>
      <c r="B3056" s="14"/>
      <c r="C3056" s="13"/>
      <c r="D3056" s="14"/>
      <c r="E3056" s="14"/>
      <c r="F3056" s="16"/>
      <c r="G3056" s="2"/>
      <c r="H3056" s="2"/>
      <c r="I3056" s="2"/>
      <c r="J3056" s="2"/>
      <c r="K3056" s="2"/>
      <c r="L3056" s="2"/>
    </row>
    <row r="3057" spans="1:12" s="17" customFormat="1" ht="27" customHeight="1" x14ac:dyDescent="0.15">
      <c r="A3057" s="13"/>
      <c r="B3057" s="14"/>
      <c r="C3057" s="13"/>
      <c r="D3057" s="14"/>
      <c r="E3057" s="14"/>
      <c r="F3057" s="16"/>
      <c r="G3057" s="2"/>
      <c r="H3057" s="2"/>
      <c r="I3057" s="2"/>
      <c r="J3057" s="2"/>
      <c r="K3057" s="2"/>
      <c r="L3057" s="2"/>
    </row>
    <row r="3058" spans="1:12" s="17" customFormat="1" ht="27" customHeight="1" x14ac:dyDescent="0.15">
      <c r="A3058" s="13"/>
      <c r="B3058" s="14"/>
      <c r="C3058" s="13"/>
      <c r="D3058" s="14"/>
      <c r="E3058" s="14"/>
      <c r="F3058" s="16"/>
      <c r="G3058" s="2"/>
      <c r="H3058" s="2"/>
      <c r="I3058" s="2"/>
      <c r="J3058" s="2"/>
      <c r="K3058" s="2"/>
      <c r="L3058" s="2"/>
    </row>
    <row r="3059" spans="1:12" s="17" customFormat="1" ht="27" customHeight="1" x14ac:dyDescent="0.15">
      <c r="A3059" s="13"/>
      <c r="B3059" s="14"/>
      <c r="C3059" s="13"/>
      <c r="D3059" s="14"/>
      <c r="E3059" s="14"/>
      <c r="F3059" s="16"/>
      <c r="G3059" s="2"/>
      <c r="H3059" s="2"/>
      <c r="I3059" s="2"/>
      <c r="J3059" s="2"/>
      <c r="K3059" s="2"/>
      <c r="L3059" s="2"/>
    </row>
    <row r="3060" spans="1:12" s="17" customFormat="1" ht="27" customHeight="1" x14ac:dyDescent="0.15">
      <c r="A3060" s="13"/>
      <c r="B3060" s="14"/>
      <c r="C3060" s="13"/>
      <c r="D3060" s="14"/>
      <c r="E3060" s="14"/>
      <c r="F3060" s="16"/>
      <c r="G3060" s="2"/>
      <c r="H3060" s="2"/>
      <c r="I3060" s="2"/>
      <c r="J3060" s="2"/>
      <c r="K3060" s="2"/>
      <c r="L3060" s="2"/>
    </row>
    <row r="3061" spans="1:12" s="17" customFormat="1" ht="27" customHeight="1" x14ac:dyDescent="0.15">
      <c r="A3061" s="13"/>
      <c r="B3061" s="14"/>
      <c r="C3061" s="13"/>
      <c r="D3061" s="14"/>
      <c r="E3061" s="14"/>
      <c r="F3061" s="16"/>
      <c r="G3061" s="2"/>
      <c r="H3061" s="2"/>
      <c r="I3061" s="2"/>
      <c r="J3061" s="2"/>
      <c r="K3061" s="2"/>
      <c r="L3061" s="2"/>
    </row>
    <row r="3062" spans="1:12" s="17" customFormat="1" ht="27" customHeight="1" x14ac:dyDescent="0.15">
      <c r="A3062" s="13"/>
      <c r="B3062" s="14"/>
      <c r="C3062" s="13"/>
      <c r="D3062" s="14"/>
      <c r="E3062" s="14"/>
      <c r="F3062" s="16"/>
      <c r="G3062" s="2"/>
      <c r="H3062" s="2"/>
      <c r="I3062" s="2"/>
      <c r="J3062" s="2"/>
      <c r="K3062" s="2"/>
      <c r="L3062" s="2"/>
    </row>
    <row r="3063" spans="1:12" s="17" customFormat="1" ht="27" customHeight="1" x14ac:dyDescent="0.15">
      <c r="A3063" s="13"/>
      <c r="B3063" s="14"/>
      <c r="C3063" s="13"/>
      <c r="D3063" s="14"/>
      <c r="E3063" s="14"/>
      <c r="F3063" s="16"/>
      <c r="G3063" s="2"/>
      <c r="H3063" s="2"/>
      <c r="I3063" s="2"/>
      <c r="J3063" s="2"/>
      <c r="K3063" s="2"/>
      <c r="L3063" s="2"/>
    </row>
    <row r="3064" spans="1:12" s="17" customFormat="1" ht="27" customHeight="1" x14ac:dyDescent="0.15">
      <c r="A3064" s="13"/>
      <c r="B3064" s="14"/>
      <c r="C3064" s="13"/>
      <c r="D3064" s="14"/>
      <c r="E3064" s="14"/>
      <c r="F3064" s="16"/>
      <c r="G3064" s="2"/>
      <c r="H3064" s="2"/>
      <c r="I3064" s="2"/>
      <c r="J3064" s="2"/>
      <c r="K3064" s="2"/>
      <c r="L3064" s="2"/>
    </row>
    <row r="3065" spans="1:12" s="17" customFormat="1" ht="27" customHeight="1" x14ac:dyDescent="0.15">
      <c r="A3065" s="13"/>
      <c r="B3065" s="14"/>
      <c r="C3065" s="13"/>
      <c r="D3065" s="14"/>
      <c r="E3065" s="14"/>
      <c r="F3065" s="16"/>
      <c r="G3065" s="2"/>
      <c r="H3065" s="2"/>
      <c r="I3065" s="2"/>
      <c r="J3065" s="2"/>
      <c r="K3065" s="2"/>
      <c r="L3065" s="2"/>
    </row>
    <row r="3066" spans="1:12" s="17" customFormat="1" ht="27" customHeight="1" x14ac:dyDescent="0.15">
      <c r="A3066" s="13"/>
      <c r="B3066" s="14"/>
      <c r="C3066" s="13"/>
      <c r="D3066" s="14"/>
      <c r="E3066" s="14"/>
      <c r="F3066" s="16"/>
      <c r="G3066" s="2"/>
      <c r="H3066" s="2"/>
      <c r="I3066" s="2"/>
      <c r="J3066" s="2"/>
      <c r="K3066" s="2"/>
      <c r="L3066" s="2"/>
    </row>
    <row r="3067" spans="1:12" s="17" customFormat="1" ht="27" customHeight="1" x14ac:dyDescent="0.15">
      <c r="A3067" s="13"/>
      <c r="B3067" s="14"/>
      <c r="C3067" s="13"/>
      <c r="D3067" s="14"/>
      <c r="E3067" s="14"/>
      <c r="F3067" s="16"/>
      <c r="G3067" s="2"/>
      <c r="H3067" s="2"/>
      <c r="I3067" s="2"/>
      <c r="J3067" s="2"/>
      <c r="K3067" s="2"/>
      <c r="L3067" s="2"/>
    </row>
    <row r="3068" spans="1:12" s="17" customFormat="1" ht="27" customHeight="1" x14ac:dyDescent="0.15">
      <c r="A3068" s="13"/>
      <c r="B3068" s="14"/>
      <c r="C3068" s="13"/>
      <c r="D3068" s="14"/>
      <c r="E3068" s="14"/>
      <c r="F3068" s="16"/>
      <c r="G3068" s="2"/>
      <c r="H3068" s="2"/>
      <c r="I3068" s="2"/>
      <c r="J3068" s="2"/>
      <c r="K3068" s="2"/>
      <c r="L3068" s="2"/>
    </row>
    <row r="3069" spans="1:12" s="17" customFormat="1" ht="27" customHeight="1" x14ac:dyDescent="0.15">
      <c r="A3069" s="13"/>
      <c r="B3069" s="14"/>
      <c r="C3069" s="13"/>
      <c r="D3069" s="14"/>
      <c r="E3069" s="14"/>
      <c r="F3069" s="16"/>
      <c r="G3069" s="2"/>
      <c r="H3069" s="2"/>
      <c r="I3069" s="2"/>
      <c r="J3069" s="2"/>
      <c r="K3069" s="2"/>
      <c r="L3069" s="2"/>
    </row>
    <row r="3070" spans="1:12" s="17" customFormat="1" ht="27" customHeight="1" x14ac:dyDescent="0.15">
      <c r="A3070" s="13"/>
      <c r="B3070" s="14"/>
      <c r="C3070" s="13"/>
      <c r="D3070" s="14"/>
      <c r="E3070" s="14"/>
      <c r="F3070" s="16"/>
      <c r="G3070" s="2"/>
      <c r="H3070" s="2"/>
      <c r="I3070" s="2"/>
      <c r="J3070" s="2"/>
      <c r="K3070" s="2"/>
      <c r="L3070" s="2"/>
    </row>
    <row r="3071" spans="1:12" s="17" customFormat="1" ht="27" customHeight="1" x14ac:dyDescent="0.15">
      <c r="A3071" s="13"/>
      <c r="B3071" s="14"/>
      <c r="C3071" s="13"/>
      <c r="D3071" s="14"/>
      <c r="E3071" s="14"/>
      <c r="F3071" s="16"/>
      <c r="G3071" s="2"/>
      <c r="H3071" s="2"/>
      <c r="I3071" s="2"/>
      <c r="J3071" s="2"/>
      <c r="K3071" s="2"/>
      <c r="L3071" s="2"/>
    </row>
    <row r="3072" spans="1:12" s="17" customFormat="1" ht="27" customHeight="1" x14ac:dyDescent="0.15">
      <c r="A3072" s="13"/>
      <c r="B3072" s="14"/>
      <c r="C3072" s="13"/>
      <c r="D3072" s="14"/>
      <c r="E3072" s="14"/>
      <c r="F3072" s="16"/>
      <c r="G3072" s="2"/>
      <c r="H3072" s="2"/>
      <c r="I3072" s="2"/>
      <c r="J3072" s="2"/>
      <c r="K3072" s="2"/>
      <c r="L3072" s="2"/>
    </row>
    <row r="3073" spans="1:12" s="17" customFormat="1" ht="27" customHeight="1" x14ac:dyDescent="0.15">
      <c r="A3073" s="13"/>
      <c r="B3073" s="14"/>
      <c r="C3073" s="13"/>
      <c r="D3073" s="14"/>
      <c r="E3073" s="14"/>
      <c r="F3073" s="16"/>
      <c r="G3073" s="2"/>
      <c r="H3073" s="2"/>
      <c r="I3073" s="2"/>
      <c r="J3073" s="2"/>
      <c r="K3073" s="2"/>
      <c r="L3073" s="2"/>
    </row>
    <row r="3074" spans="1:12" s="17" customFormat="1" ht="27" customHeight="1" x14ac:dyDescent="0.15">
      <c r="A3074" s="13"/>
      <c r="B3074" s="14"/>
      <c r="C3074" s="13"/>
      <c r="D3074" s="14"/>
      <c r="E3074" s="14"/>
      <c r="F3074" s="16"/>
      <c r="G3074" s="2"/>
      <c r="H3074" s="2"/>
      <c r="I3074" s="2"/>
      <c r="J3074" s="2"/>
      <c r="K3074" s="2"/>
      <c r="L3074" s="2"/>
    </row>
    <row r="3075" spans="1:12" s="17" customFormat="1" ht="27" customHeight="1" x14ac:dyDescent="0.15">
      <c r="A3075" s="13"/>
      <c r="B3075" s="14"/>
      <c r="C3075" s="13"/>
      <c r="D3075" s="14"/>
      <c r="E3075" s="14"/>
      <c r="F3075" s="16"/>
      <c r="G3075" s="2"/>
      <c r="H3075" s="2"/>
      <c r="I3075" s="2"/>
      <c r="J3075" s="2"/>
      <c r="K3075" s="2"/>
      <c r="L3075" s="2"/>
    </row>
    <row r="3076" spans="1:12" s="17" customFormat="1" ht="27" customHeight="1" x14ac:dyDescent="0.15">
      <c r="A3076" s="13"/>
      <c r="B3076" s="14"/>
      <c r="C3076" s="13"/>
      <c r="D3076" s="14"/>
      <c r="E3076" s="14"/>
      <c r="F3076" s="16"/>
      <c r="G3076" s="2"/>
      <c r="H3076" s="2"/>
      <c r="I3076" s="2"/>
      <c r="J3076" s="2"/>
      <c r="K3076" s="2"/>
      <c r="L3076" s="2"/>
    </row>
    <row r="3077" spans="1:12" s="17" customFormat="1" ht="27" customHeight="1" x14ac:dyDescent="0.15">
      <c r="A3077" s="13"/>
      <c r="B3077" s="14"/>
      <c r="C3077" s="13"/>
      <c r="D3077" s="14"/>
      <c r="E3077" s="14"/>
      <c r="F3077" s="16"/>
      <c r="G3077" s="2"/>
      <c r="H3077" s="2"/>
      <c r="I3077" s="2"/>
      <c r="J3077" s="2"/>
      <c r="K3077" s="2"/>
      <c r="L3077" s="2"/>
    </row>
    <row r="3078" spans="1:12" s="17" customFormat="1" ht="27" customHeight="1" x14ac:dyDescent="0.15">
      <c r="A3078" s="13"/>
      <c r="B3078" s="14"/>
      <c r="C3078" s="13"/>
      <c r="D3078" s="14"/>
      <c r="E3078" s="14"/>
      <c r="F3078" s="16"/>
      <c r="G3078" s="2"/>
      <c r="H3078" s="2"/>
      <c r="I3078" s="2"/>
      <c r="J3078" s="2"/>
      <c r="K3078" s="2"/>
      <c r="L3078" s="2"/>
    </row>
    <row r="3079" spans="1:12" s="17" customFormat="1" ht="27" customHeight="1" x14ac:dyDescent="0.15">
      <c r="A3079" s="13"/>
      <c r="B3079" s="14"/>
      <c r="C3079" s="13"/>
      <c r="D3079" s="14"/>
      <c r="E3079" s="14"/>
      <c r="F3079" s="16"/>
      <c r="G3079" s="2"/>
      <c r="H3079" s="2"/>
      <c r="I3079" s="2"/>
      <c r="J3079" s="2"/>
      <c r="K3079" s="2"/>
      <c r="L3079" s="2"/>
    </row>
    <row r="3080" spans="1:12" s="17" customFormat="1" ht="27" customHeight="1" x14ac:dyDescent="0.15">
      <c r="A3080" s="13"/>
      <c r="B3080" s="14"/>
      <c r="C3080" s="13"/>
      <c r="D3080" s="14"/>
      <c r="E3080" s="14"/>
      <c r="F3080" s="16"/>
      <c r="G3080" s="2"/>
      <c r="H3080" s="2"/>
      <c r="I3080" s="2"/>
      <c r="J3080" s="2"/>
      <c r="K3080" s="2"/>
      <c r="L3080" s="2"/>
    </row>
    <row r="3081" spans="1:12" s="17" customFormat="1" ht="27" customHeight="1" x14ac:dyDescent="0.15">
      <c r="A3081" s="13"/>
      <c r="B3081" s="14"/>
      <c r="C3081" s="13"/>
      <c r="D3081" s="14"/>
      <c r="E3081" s="14"/>
      <c r="F3081" s="16"/>
      <c r="G3081" s="2"/>
      <c r="H3081" s="2"/>
      <c r="I3081" s="2"/>
      <c r="J3081" s="2"/>
      <c r="K3081" s="2"/>
      <c r="L3081" s="2"/>
    </row>
    <row r="3082" spans="1:12" s="17" customFormat="1" ht="27" customHeight="1" x14ac:dyDescent="0.15">
      <c r="A3082" s="13"/>
      <c r="B3082" s="14"/>
      <c r="C3082" s="13"/>
      <c r="D3082" s="14"/>
      <c r="E3082" s="14"/>
      <c r="F3082" s="16"/>
      <c r="G3082" s="2"/>
      <c r="H3082" s="2"/>
      <c r="I3082" s="2"/>
      <c r="J3082" s="2"/>
      <c r="K3082" s="2"/>
      <c r="L3082" s="2"/>
    </row>
    <row r="3083" spans="1:12" s="17" customFormat="1" ht="27" customHeight="1" x14ac:dyDescent="0.15">
      <c r="A3083" s="13"/>
      <c r="B3083" s="14"/>
      <c r="C3083" s="13"/>
      <c r="D3083" s="14"/>
      <c r="E3083" s="14"/>
      <c r="F3083" s="16"/>
      <c r="G3083" s="2"/>
      <c r="H3083" s="2"/>
      <c r="I3083" s="2"/>
      <c r="J3083" s="2"/>
      <c r="K3083" s="2"/>
      <c r="L3083" s="2"/>
    </row>
    <row r="3084" spans="1:12" s="17" customFormat="1" ht="27" customHeight="1" x14ac:dyDescent="0.15">
      <c r="A3084" s="13"/>
      <c r="B3084" s="14"/>
      <c r="C3084" s="13"/>
      <c r="D3084" s="14"/>
      <c r="E3084" s="14"/>
      <c r="F3084" s="16"/>
      <c r="G3084" s="2"/>
      <c r="H3084" s="2"/>
      <c r="I3084" s="2"/>
      <c r="J3084" s="2"/>
      <c r="K3084" s="2"/>
      <c r="L3084" s="2"/>
    </row>
    <row r="3085" spans="1:12" s="17" customFormat="1" ht="27" customHeight="1" x14ac:dyDescent="0.15">
      <c r="A3085" s="13"/>
      <c r="B3085" s="14"/>
      <c r="C3085" s="13"/>
      <c r="D3085" s="14"/>
      <c r="E3085" s="14"/>
      <c r="F3085" s="16"/>
      <c r="G3085" s="2"/>
      <c r="H3085" s="2"/>
      <c r="I3085" s="2"/>
      <c r="J3085" s="2"/>
      <c r="K3085" s="2"/>
      <c r="L3085" s="2"/>
    </row>
    <row r="3086" spans="1:12" s="17" customFormat="1" ht="27" customHeight="1" x14ac:dyDescent="0.15">
      <c r="A3086" s="13"/>
      <c r="B3086" s="14"/>
      <c r="C3086" s="13"/>
      <c r="D3086" s="14"/>
      <c r="E3086" s="14"/>
      <c r="F3086" s="16"/>
      <c r="G3086" s="2"/>
      <c r="H3086" s="2"/>
      <c r="I3086" s="2"/>
      <c r="J3086" s="2"/>
      <c r="K3086" s="2"/>
      <c r="L3086" s="2"/>
    </row>
    <row r="3087" spans="1:12" s="17" customFormat="1" ht="27" customHeight="1" x14ac:dyDescent="0.15">
      <c r="A3087" s="13"/>
      <c r="B3087" s="14"/>
      <c r="C3087" s="13"/>
      <c r="D3087" s="14"/>
      <c r="E3087" s="14"/>
      <c r="F3087" s="16"/>
      <c r="G3087" s="2"/>
      <c r="H3087" s="2"/>
      <c r="I3087" s="2"/>
      <c r="J3087" s="2"/>
      <c r="K3087" s="2"/>
      <c r="L3087" s="2"/>
    </row>
    <row r="3088" spans="1:12" s="17" customFormat="1" ht="27" customHeight="1" x14ac:dyDescent="0.15">
      <c r="A3088" s="13"/>
      <c r="B3088" s="14"/>
      <c r="C3088" s="13"/>
      <c r="D3088" s="14"/>
      <c r="E3088" s="14"/>
      <c r="F3088" s="16"/>
      <c r="G3088" s="2"/>
      <c r="H3088" s="2"/>
      <c r="I3088" s="2"/>
      <c r="J3088" s="2"/>
      <c r="K3088" s="2"/>
      <c r="L3088" s="2"/>
    </row>
    <row r="3089" spans="1:12" s="17" customFormat="1" ht="27" customHeight="1" x14ac:dyDescent="0.15">
      <c r="A3089" s="13"/>
      <c r="B3089" s="14"/>
      <c r="C3089" s="13"/>
      <c r="D3089" s="14"/>
      <c r="E3089" s="14"/>
      <c r="F3089" s="16"/>
      <c r="G3089" s="2"/>
      <c r="H3089" s="2"/>
      <c r="I3089" s="2"/>
      <c r="J3089" s="2"/>
      <c r="K3089" s="2"/>
      <c r="L3089" s="2"/>
    </row>
    <row r="3090" spans="1:12" s="17" customFormat="1" ht="27" customHeight="1" x14ac:dyDescent="0.15">
      <c r="A3090" s="13"/>
      <c r="B3090" s="14"/>
      <c r="C3090" s="13"/>
      <c r="D3090" s="14"/>
      <c r="E3090" s="14"/>
      <c r="F3090" s="16"/>
      <c r="G3090" s="2"/>
      <c r="H3090" s="2"/>
      <c r="I3090" s="2"/>
      <c r="J3090" s="2"/>
      <c r="K3090" s="2"/>
      <c r="L3090" s="2"/>
    </row>
    <row r="3091" spans="1:12" s="17" customFormat="1" ht="27" customHeight="1" x14ac:dyDescent="0.15">
      <c r="A3091" s="13"/>
      <c r="B3091" s="14"/>
      <c r="C3091" s="13"/>
      <c r="D3091" s="14"/>
      <c r="E3091" s="14"/>
      <c r="F3091" s="16"/>
      <c r="G3091" s="2"/>
      <c r="H3091" s="2"/>
      <c r="I3091" s="2"/>
      <c r="J3091" s="2"/>
      <c r="K3091" s="2"/>
      <c r="L3091" s="2"/>
    </row>
    <row r="3092" spans="1:12" s="17" customFormat="1" ht="27" customHeight="1" x14ac:dyDescent="0.15">
      <c r="A3092" s="13"/>
      <c r="B3092" s="14"/>
      <c r="C3092" s="13"/>
      <c r="D3092" s="14"/>
      <c r="E3092" s="14"/>
      <c r="F3092" s="16"/>
      <c r="G3092" s="2"/>
      <c r="H3092" s="2"/>
      <c r="I3092" s="2"/>
      <c r="J3092" s="2"/>
      <c r="K3092" s="2"/>
      <c r="L3092" s="2"/>
    </row>
    <row r="3093" spans="1:12" s="17" customFormat="1" ht="27" customHeight="1" x14ac:dyDescent="0.15">
      <c r="A3093" s="13"/>
      <c r="B3093" s="14"/>
      <c r="C3093" s="13"/>
      <c r="D3093" s="14"/>
      <c r="E3093" s="14"/>
      <c r="F3093" s="16"/>
      <c r="G3093" s="2"/>
      <c r="H3093" s="2"/>
      <c r="I3093" s="2"/>
      <c r="J3093" s="2"/>
      <c r="K3093" s="2"/>
      <c r="L3093" s="2"/>
    </row>
    <row r="3094" spans="1:12" s="17" customFormat="1" ht="27" customHeight="1" x14ac:dyDescent="0.15">
      <c r="A3094" s="13"/>
      <c r="B3094" s="14"/>
      <c r="C3094" s="13"/>
      <c r="D3094" s="14"/>
      <c r="E3094" s="14"/>
      <c r="F3094" s="16"/>
      <c r="G3094" s="2"/>
      <c r="H3094" s="2"/>
      <c r="I3094" s="2"/>
      <c r="J3094" s="2"/>
      <c r="K3094" s="2"/>
      <c r="L3094" s="2"/>
    </row>
    <row r="3095" spans="1:12" s="17" customFormat="1" ht="27" customHeight="1" x14ac:dyDescent="0.15">
      <c r="A3095" s="13"/>
      <c r="B3095" s="14"/>
      <c r="C3095" s="13"/>
      <c r="D3095" s="14"/>
      <c r="E3095" s="14"/>
      <c r="F3095" s="16"/>
      <c r="G3095" s="2"/>
      <c r="H3095" s="2"/>
      <c r="I3095" s="2"/>
      <c r="J3095" s="2"/>
      <c r="K3095" s="2"/>
      <c r="L3095" s="2"/>
    </row>
    <row r="3096" spans="1:12" s="17" customFormat="1" ht="27" customHeight="1" x14ac:dyDescent="0.15">
      <c r="A3096" s="13"/>
      <c r="B3096" s="14"/>
      <c r="C3096" s="13"/>
      <c r="D3096" s="14"/>
      <c r="E3096" s="14"/>
      <c r="F3096" s="16"/>
      <c r="G3096" s="2"/>
      <c r="H3096" s="2"/>
      <c r="I3096" s="2"/>
      <c r="J3096" s="2"/>
      <c r="K3096" s="2"/>
      <c r="L3096" s="2"/>
    </row>
    <row r="3097" spans="1:12" s="17" customFormat="1" ht="27" customHeight="1" x14ac:dyDescent="0.15">
      <c r="A3097" s="13"/>
      <c r="B3097" s="14"/>
      <c r="C3097" s="13"/>
      <c r="D3097" s="14"/>
      <c r="E3097" s="14"/>
      <c r="F3097" s="16"/>
      <c r="G3097" s="2"/>
      <c r="H3097" s="2"/>
      <c r="I3097" s="2"/>
      <c r="J3097" s="2"/>
      <c r="K3097" s="2"/>
      <c r="L3097" s="2"/>
    </row>
    <row r="3098" spans="1:12" s="17" customFormat="1" ht="27" customHeight="1" x14ac:dyDescent="0.15">
      <c r="A3098" s="13"/>
      <c r="B3098" s="14"/>
      <c r="C3098" s="13"/>
      <c r="D3098" s="14"/>
      <c r="E3098" s="14"/>
      <c r="F3098" s="16"/>
      <c r="G3098" s="2"/>
      <c r="H3098" s="2"/>
      <c r="I3098" s="2"/>
      <c r="J3098" s="2"/>
      <c r="K3098" s="2"/>
      <c r="L3098" s="2"/>
    </row>
    <row r="3099" spans="1:12" s="17" customFormat="1" ht="27" customHeight="1" x14ac:dyDescent="0.15">
      <c r="A3099" s="13"/>
      <c r="B3099" s="14"/>
      <c r="C3099" s="13"/>
      <c r="D3099" s="14"/>
      <c r="E3099" s="14"/>
      <c r="F3099" s="16"/>
      <c r="G3099" s="2"/>
      <c r="H3099" s="2"/>
      <c r="I3099" s="2"/>
      <c r="J3099" s="2"/>
      <c r="K3099" s="2"/>
      <c r="L3099" s="2"/>
    </row>
    <row r="3100" spans="1:12" s="17" customFormat="1" ht="27" customHeight="1" x14ac:dyDescent="0.15">
      <c r="A3100" s="13"/>
      <c r="B3100" s="14"/>
      <c r="C3100" s="13"/>
      <c r="D3100" s="14"/>
      <c r="E3100" s="14"/>
      <c r="F3100" s="16"/>
      <c r="G3100" s="2"/>
      <c r="H3100" s="2"/>
      <c r="I3100" s="2"/>
      <c r="J3100" s="2"/>
      <c r="K3100" s="2"/>
      <c r="L3100" s="2"/>
    </row>
    <row r="3101" spans="1:12" s="17" customFormat="1" ht="27" customHeight="1" x14ac:dyDescent="0.15">
      <c r="A3101" s="13"/>
      <c r="B3101" s="14"/>
      <c r="C3101" s="13"/>
      <c r="D3101" s="14"/>
      <c r="E3101" s="14"/>
      <c r="F3101" s="16"/>
      <c r="G3101" s="2"/>
      <c r="H3101" s="2"/>
      <c r="I3101" s="2"/>
      <c r="J3101" s="2"/>
      <c r="K3101" s="2"/>
      <c r="L3101" s="2"/>
    </row>
    <row r="3102" spans="1:12" s="17" customFormat="1" ht="27" customHeight="1" x14ac:dyDescent="0.15">
      <c r="A3102" s="13"/>
      <c r="B3102" s="14"/>
      <c r="C3102" s="13"/>
      <c r="D3102" s="14"/>
      <c r="E3102" s="14"/>
      <c r="F3102" s="16"/>
      <c r="G3102" s="2"/>
      <c r="H3102" s="2"/>
      <c r="I3102" s="2"/>
      <c r="J3102" s="2"/>
      <c r="K3102" s="2"/>
      <c r="L3102" s="2"/>
    </row>
    <row r="3103" spans="1:12" s="17" customFormat="1" ht="27" customHeight="1" x14ac:dyDescent="0.15">
      <c r="A3103" s="13"/>
      <c r="B3103" s="14"/>
      <c r="C3103" s="13"/>
      <c r="D3103" s="14"/>
      <c r="E3103" s="14"/>
      <c r="F3103" s="16"/>
      <c r="G3103" s="2"/>
      <c r="H3103" s="2"/>
      <c r="I3103" s="2"/>
      <c r="J3103" s="2"/>
      <c r="K3103" s="2"/>
      <c r="L3103" s="2"/>
    </row>
    <row r="3104" spans="1:12" s="17" customFormat="1" ht="27" customHeight="1" x14ac:dyDescent="0.15">
      <c r="A3104" s="13"/>
      <c r="B3104" s="14"/>
      <c r="C3104" s="13"/>
      <c r="D3104" s="14"/>
      <c r="E3104" s="14"/>
      <c r="F3104" s="16"/>
      <c r="G3104" s="2"/>
      <c r="H3104" s="2"/>
      <c r="I3104" s="2"/>
      <c r="J3104" s="2"/>
      <c r="K3104" s="2"/>
      <c r="L3104" s="2"/>
    </row>
    <row r="3105" spans="1:12" s="17" customFormat="1" ht="27" customHeight="1" x14ac:dyDescent="0.15">
      <c r="A3105" s="13"/>
      <c r="B3105" s="14"/>
      <c r="C3105" s="13"/>
      <c r="D3105" s="14"/>
      <c r="E3105" s="14"/>
      <c r="F3105" s="16"/>
      <c r="G3105" s="2"/>
      <c r="H3105" s="2"/>
      <c r="I3105" s="2"/>
      <c r="J3105" s="2"/>
      <c r="K3105" s="2"/>
      <c r="L3105" s="2"/>
    </row>
    <row r="3106" spans="1:12" s="17" customFormat="1" ht="27" customHeight="1" x14ac:dyDescent="0.15">
      <c r="A3106" s="13"/>
      <c r="B3106" s="14"/>
      <c r="C3106" s="13"/>
      <c r="D3106" s="14"/>
      <c r="E3106" s="14"/>
      <c r="F3106" s="16"/>
      <c r="G3106" s="2"/>
      <c r="H3106" s="2"/>
      <c r="I3106" s="2"/>
      <c r="J3106" s="2"/>
      <c r="K3106" s="2"/>
      <c r="L3106" s="2"/>
    </row>
    <row r="3107" spans="1:12" s="17" customFormat="1" ht="27" customHeight="1" x14ac:dyDescent="0.15">
      <c r="A3107" s="13"/>
      <c r="B3107" s="14"/>
      <c r="C3107" s="13"/>
      <c r="D3107" s="14"/>
      <c r="E3107" s="14"/>
      <c r="F3107" s="16"/>
      <c r="G3107" s="2"/>
      <c r="H3107" s="2"/>
      <c r="I3107" s="2"/>
      <c r="J3107" s="2"/>
      <c r="K3107" s="2"/>
      <c r="L3107" s="2"/>
    </row>
    <row r="3108" spans="1:12" s="17" customFormat="1" ht="27" customHeight="1" x14ac:dyDescent="0.15">
      <c r="A3108" s="13"/>
      <c r="B3108" s="14"/>
      <c r="C3108" s="13"/>
      <c r="D3108" s="14"/>
      <c r="E3108" s="14"/>
      <c r="F3108" s="16"/>
      <c r="G3108" s="2"/>
      <c r="H3108" s="2"/>
      <c r="I3108" s="2"/>
      <c r="J3108" s="2"/>
      <c r="K3108" s="2"/>
      <c r="L3108" s="2"/>
    </row>
    <row r="3109" spans="1:12" s="17" customFormat="1" ht="27" customHeight="1" x14ac:dyDescent="0.15">
      <c r="A3109" s="13"/>
      <c r="B3109" s="14"/>
      <c r="C3109" s="13"/>
      <c r="D3109" s="14"/>
      <c r="E3109" s="14"/>
      <c r="F3109" s="16"/>
      <c r="G3109" s="2"/>
      <c r="H3109" s="2"/>
      <c r="I3109" s="2"/>
      <c r="J3109" s="2"/>
      <c r="K3109" s="2"/>
      <c r="L3109" s="2"/>
    </row>
    <row r="3110" spans="1:12" s="17" customFormat="1" ht="27" customHeight="1" x14ac:dyDescent="0.15">
      <c r="A3110" s="13"/>
      <c r="B3110" s="14"/>
      <c r="C3110" s="13"/>
      <c r="D3110" s="14"/>
      <c r="E3110" s="14"/>
      <c r="F3110" s="16"/>
      <c r="G3110" s="2"/>
      <c r="H3110" s="2"/>
      <c r="I3110" s="2"/>
      <c r="J3110" s="2"/>
      <c r="K3110" s="2"/>
      <c r="L3110" s="2"/>
    </row>
    <row r="3111" spans="1:12" s="17" customFormat="1" ht="27" customHeight="1" x14ac:dyDescent="0.15">
      <c r="A3111" s="13"/>
      <c r="B3111" s="14"/>
      <c r="C3111" s="13"/>
      <c r="D3111" s="14"/>
      <c r="E3111" s="14"/>
      <c r="F3111" s="16"/>
      <c r="G3111" s="2"/>
      <c r="H3111" s="2"/>
      <c r="I3111" s="2"/>
      <c r="J3111" s="2"/>
      <c r="K3111" s="2"/>
      <c r="L3111" s="2"/>
    </row>
    <row r="3112" spans="1:12" s="17" customFormat="1" ht="27" customHeight="1" x14ac:dyDescent="0.15">
      <c r="A3112" s="13"/>
      <c r="B3112" s="14"/>
      <c r="C3112" s="13"/>
      <c r="D3112" s="14"/>
      <c r="E3112" s="14"/>
      <c r="F3112" s="16"/>
      <c r="G3112" s="2"/>
      <c r="H3112" s="2"/>
      <c r="I3112" s="2"/>
      <c r="J3112" s="2"/>
      <c r="K3112" s="2"/>
      <c r="L3112" s="2"/>
    </row>
    <row r="3113" spans="1:12" s="17" customFormat="1" ht="27" customHeight="1" x14ac:dyDescent="0.15">
      <c r="A3113" s="13"/>
      <c r="B3113" s="14"/>
      <c r="C3113" s="13"/>
      <c r="D3113" s="14"/>
      <c r="E3113" s="14"/>
      <c r="F3113" s="16"/>
      <c r="G3113" s="2"/>
      <c r="H3113" s="2"/>
      <c r="I3113" s="2"/>
      <c r="J3113" s="2"/>
      <c r="K3113" s="2"/>
      <c r="L3113" s="2"/>
    </row>
    <row r="3114" spans="1:12" s="17" customFormat="1" ht="27" customHeight="1" x14ac:dyDescent="0.15">
      <c r="A3114" s="13"/>
      <c r="B3114" s="14"/>
      <c r="C3114" s="13"/>
      <c r="D3114" s="14"/>
      <c r="E3114" s="14"/>
      <c r="F3114" s="16"/>
      <c r="G3114" s="2"/>
      <c r="H3114" s="2"/>
      <c r="I3114" s="2"/>
      <c r="J3114" s="2"/>
      <c r="K3114" s="2"/>
      <c r="L3114" s="2"/>
    </row>
    <row r="3115" spans="1:12" s="17" customFormat="1" ht="27" customHeight="1" x14ac:dyDescent="0.15">
      <c r="A3115" s="13"/>
      <c r="B3115" s="14"/>
      <c r="C3115" s="13"/>
      <c r="D3115" s="14"/>
      <c r="E3115" s="14"/>
      <c r="F3115" s="16"/>
      <c r="G3115" s="2"/>
      <c r="H3115" s="2"/>
      <c r="I3115" s="2"/>
      <c r="J3115" s="2"/>
      <c r="K3115" s="2"/>
      <c r="L3115" s="2"/>
    </row>
    <row r="3116" spans="1:12" s="17" customFormat="1" ht="27" customHeight="1" x14ac:dyDescent="0.15">
      <c r="A3116" s="13"/>
      <c r="B3116" s="14"/>
      <c r="C3116" s="13"/>
      <c r="D3116" s="14"/>
      <c r="E3116" s="14"/>
      <c r="F3116" s="16"/>
      <c r="G3116" s="2"/>
      <c r="H3116" s="2"/>
      <c r="I3116" s="2"/>
      <c r="J3116" s="2"/>
      <c r="K3116" s="2"/>
      <c r="L3116" s="2"/>
    </row>
    <row r="3117" spans="1:12" s="17" customFormat="1" ht="27" customHeight="1" x14ac:dyDescent="0.15">
      <c r="A3117" s="13"/>
      <c r="B3117" s="14"/>
      <c r="C3117" s="13"/>
      <c r="D3117" s="14"/>
      <c r="E3117" s="14"/>
      <c r="F3117" s="16"/>
      <c r="G3117" s="2"/>
      <c r="H3117" s="2"/>
      <c r="I3117" s="2"/>
      <c r="J3117" s="2"/>
      <c r="K3117" s="2"/>
      <c r="L3117" s="2"/>
    </row>
    <row r="3118" spans="1:12" s="17" customFormat="1" ht="27" customHeight="1" x14ac:dyDescent="0.15">
      <c r="A3118" s="13"/>
      <c r="B3118" s="14"/>
      <c r="C3118" s="13"/>
      <c r="D3118" s="14"/>
      <c r="E3118" s="14"/>
      <c r="F3118" s="16"/>
      <c r="G3118" s="2"/>
      <c r="H3118" s="2"/>
      <c r="I3118" s="2"/>
      <c r="J3118" s="2"/>
      <c r="K3118" s="2"/>
      <c r="L3118" s="2"/>
    </row>
    <row r="3119" spans="1:12" s="17" customFormat="1" ht="27" customHeight="1" x14ac:dyDescent="0.15">
      <c r="A3119" s="13"/>
      <c r="B3119" s="14"/>
      <c r="C3119" s="13"/>
      <c r="D3119" s="14"/>
      <c r="E3119" s="14"/>
      <c r="F3119" s="16"/>
      <c r="G3119" s="2"/>
      <c r="H3119" s="2"/>
      <c r="I3119" s="2"/>
      <c r="J3119" s="2"/>
      <c r="K3119" s="2"/>
      <c r="L3119" s="2"/>
    </row>
    <row r="3120" spans="1:12" s="17" customFormat="1" ht="27" customHeight="1" x14ac:dyDescent="0.15">
      <c r="A3120" s="13"/>
      <c r="B3120" s="14"/>
      <c r="C3120" s="13"/>
      <c r="D3120" s="14"/>
      <c r="E3120" s="14"/>
      <c r="F3120" s="16"/>
      <c r="G3120" s="2"/>
      <c r="H3120" s="2"/>
      <c r="I3120" s="2"/>
      <c r="J3120" s="2"/>
      <c r="K3120" s="2"/>
      <c r="L3120" s="2"/>
    </row>
    <row r="3121" spans="1:12" s="17" customFormat="1" ht="27" customHeight="1" x14ac:dyDescent="0.15">
      <c r="A3121" s="13"/>
      <c r="B3121" s="14"/>
      <c r="C3121" s="13"/>
      <c r="D3121" s="14"/>
      <c r="E3121" s="14"/>
      <c r="F3121" s="16"/>
      <c r="G3121" s="2"/>
      <c r="H3121" s="2"/>
      <c r="I3121" s="2"/>
      <c r="J3121" s="2"/>
      <c r="K3121" s="2"/>
      <c r="L3121" s="2"/>
    </row>
    <row r="3122" spans="1:12" s="17" customFormat="1" ht="27" customHeight="1" x14ac:dyDescent="0.15">
      <c r="A3122" s="13"/>
      <c r="B3122" s="14"/>
      <c r="C3122" s="13"/>
      <c r="D3122" s="14"/>
      <c r="E3122" s="14"/>
      <c r="F3122" s="16"/>
      <c r="G3122" s="2"/>
      <c r="H3122" s="2"/>
      <c r="I3122" s="2"/>
      <c r="J3122" s="2"/>
      <c r="K3122" s="2"/>
      <c r="L3122" s="2"/>
    </row>
    <row r="3123" spans="1:12" s="17" customFormat="1" ht="27" customHeight="1" x14ac:dyDescent="0.15">
      <c r="A3123" s="13"/>
      <c r="B3123" s="14"/>
      <c r="C3123" s="13"/>
      <c r="D3123" s="14"/>
      <c r="E3123" s="14"/>
      <c r="F3123" s="16"/>
      <c r="G3123" s="2"/>
      <c r="H3123" s="2"/>
      <c r="I3123" s="2"/>
      <c r="J3123" s="2"/>
      <c r="K3123" s="2"/>
      <c r="L3123" s="2"/>
    </row>
    <row r="3124" spans="1:12" s="17" customFormat="1" ht="27" customHeight="1" x14ac:dyDescent="0.15">
      <c r="A3124" s="13"/>
      <c r="B3124" s="14"/>
      <c r="C3124" s="13"/>
      <c r="D3124" s="14"/>
      <c r="E3124" s="14"/>
      <c r="F3124" s="16"/>
      <c r="G3124" s="2"/>
      <c r="H3124" s="2"/>
      <c r="I3124" s="2"/>
      <c r="J3124" s="2"/>
      <c r="K3124" s="2"/>
      <c r="L3124" s="2"/>
    </row>
    <row r="3125" spans="1:12" s="17" customFormat="1" ht="27" customHeight="1" x14ac:dyDescent="0.15">
      <c r="A3125" s="13"/>
      <c r="B3125" s="14"/>
      <c r="C3125" s="13"/>
      <c r="D3125" s="14"/>
      <c r="E3125" s="14"/>
      <c r="F3125" s="16"/>
      <c r="G3125" s="2"/>
      <c r="H3125" s="2"/>
      <c r="I3125" s="2"/>
      <c r="J3125" s="2"/>
      <c r="K3125" s="2"/>
      <c r="L3125" s="2"/>
    </row>
    <row r="3126" spans="1:12" s="17" customFormat="1" ht="27" customHeight="1" x14ac:dyDescent="0.15">
      <c r="A3126" s="13"/>
      <c r="B3126" s="14"/>
      <c r="C3126" s="13"/>
      <c r="D3126" s="14"/>
      <c r="E3126" s="14"/>
      <c r="F3126" s="16"/>
      <c r="G3126" s="2"/>
      <c r="H3126" s="2"/>
      <c r="I3126" s="2"/>
      <c r="J3126" s="2"/>
      <c r="K3126" s="2"/>
      <c r="L3126" s="2"/>
    </row>
    <row r="3127" spans="1:12" s="17" customFormat="1" ht="27" customHeight="1" x14ac:dyDescent="0.15">
      <c r="A3127" s="13"/>
      <c r="B3127" s="14"/>
      <c r="C3127" s="13"/>
      <c r="D3127" s="14"/>
      <c r="E3127" s="14"/>
      <c r="F3127" s="16"/>
      <c r="G3127" s="2"/>
      <c r="H3127" s="2"/>
      <c r="I3127" s="2"/>
      <c r="J3127" s="2"/>
      <c r="K3127" s="2"/>
      <c r="L3127" s="2"/>
    </row>
    <row r="3128" spans="1:12" s="17" customFormat="1" ht="27" customHeight="1" x14ac:dyDescent="0.15">
      <c r="A3128" s="13"/>
      <c r="B3128" s="14"/>
      <c r="C3128" s="13"/>
      <c r="D3128" s="14"/>
      <c r="E3128" s="14"/>
      <c r="F3128" s="16"/>
      <c r="G3128" s="2"/>
      <c r="H3128" s="2"/>
      <c r="I3128" s="2"/>
      <c r="J3128" s="2"/>
      <c r="K3128" s="2"/>
      <c r="L3128" s="2"/>
    </row>
    <row r="3129" spans="1:12" s="17" customFormat="1" ht="27" customHeight="1" x14ac:dyDescent="0.15">
      <c r="A3129" s="13"/>
      <c r="B3129" s="14"/>
      <c r="C3129" s="13"/>
      <c r="D3129" s="14"/>
      <c r="E3129" s="14"/>
      <c r="F3129" s="16"/>
      <c r="G3129" s="2"/>
      <c r="H3129" s="2"/>
      <c r="I3129" s="2"/>
      <c r="J3129" s="2"/>
      <c r="K3129" s="2"/>
      <c r="L3129" s="2"/>
    </row>
    <row r="3130" spans="1:12" s="17" customFormat="1" ht="27" customHeight="1" x14ac:dyDescent="0.15">
      <c r="A3130" s="13"/>
      <c r="B3130" s="14"/>
      <c r="C3130" s="13"/>
      <c r="D3130" s="14"/>
      <c r="E3130" s="14"/>
      <c r="F3130" s="16"/>
      <c r="G3130" s="2"/>
      <c r="H3130" s="2"/>
      <c r="I3130" s="2"/>
      <c r="J3130" s="2"/>
      <c r="K3130" s="2"/>
      <c r="L3130" s="2"/>
    </row>
    <row r="3131" spans="1:12" s="17" customFormat="1" ht="27" customHeight="1" x14ac:dyDescent="0.15">
      <c r="A3131" s="13"/>
      <c r="B3131" s="14"/>
      <c r="C3131" s="13"/>
      <c r="D3131" s="14"/>
      <c r="E3131" s="14"/>
      <c r="F3131" s="16"/>
      <c r="G3131" s="2"/>
      <c r="H3131" s="2"/>
      <c r="I3131" s="2"/>
      <c r="J3131" s="2"/>
      <c r="K3131" s="2"/>
      <c r="L3131" s="2"/>
    </row>
    <row r="3132" spans="1:12" s="17" customFormat="1" ht="27" customHeight="1" x14ac:dyDescent="0.15">
      <c r="A3132" s="13"/>
      <c r="B3132" s="14"/>
      <c r="C3132" s="13"/>
      <c r="D3132" s="14"/>
      <c r="E3132" s="14"/>
      <c r="F3132" s="16"/>
      <c r="G3132" s="2"/>
      <c r="H3132" s="2"/>
      <c r="I3132" s="2"/>
      <c r="J3132" s="2"/>
      <c r="K3132" s="2"/>
      <c r="L3132" s="2"/>
    </row>
    <row r="3133" spans="1:12" s="17" customFormat="1" ht="27" customHeight="1" x14ac:dyDescent="0.15">
      <c r="A3133" s="13"/>
      <c r="B3133" s="14"/>
      <c r="C3133" s="13"/>
      <c r="D3133" s="14"/>
      <c r="E3133" s="14"/>
      <c r="F3133" s="16"/>
      <c r="G3133" s="2"/>
      <c r="H3133" s="2"/>
      <c r="I3133" s="2"/>
      <c r="J3133" s="2"/>
      <c r="K3133" s="2"/>
      <c r="L3133" s="2"/>
    </row>
    <row r="3134" spans="1:12" s="17" customFormat="1" ht="27" customHeight="1" x14ac:dyDescent="0.15">
      <c r="A3134" s="13"/>
      <c r="B3134" s="14"/>
      <c r="C3134" s="13"/>
      <c r="D3134" s="14"/>
      <c r="E3134" s="14"/>
      <c r="F3134" s="16"/>
      <c r="G3134" s="2"/>
      <c r="H3134" s="2"/>
      <c r="I3134" s="2"/>
      <c r="J3134" s="2"/>
      <c r="K3134" s="2"/>
      <c r="L3134" s="2"/>
    </row>
    <row r="3135" spans="1:12" s="17" customFormat="1" ht="27" customHeight="1" x14ac:dyDescent="0.15">
      <c r="A3135" s="13"/>
      <c r="B3135" s="14"/>
      <c r="C3135" s="13"/>
      <c r="D3135" s="14"/>
      <c r="E3135" s="14"/>
      <c r="F3135" s="16"/>
      <c r="G3135" s="2"/>
      <c r="H3135" s="2"/>
      <c r="I3135" s="2"/>
      <c r="J3135" s="2"/>
      <c r="K3135" s="2"/>
      <c r="L3135" s="2"/>
    </row>
    <row r="3136" spans="1:12" s="17" customFormat="1" ht="27" customHeight="1" x14ac:dyDescent="0.15">
      <c r="A3136" s="13"/>
      <c r="B3136" s="14"/>
      <c r="C3136" s="13"/>
      <c r="D3136" s="14"/>
      <c r="E3136" s="14"/>
      <c r="F3136" s="16"/>
      <c r="G3136" s="2"/>
      <c r="H3136" s="2"/>
      <c r="I3136" s="2"/>
      <c r="J3136" s="2"/>
      <c r="K3136" s="2"/>
      <c r="L3136" s="2"/>
    </row>
    <row r="3137" spans="1:12" s="17" customFormat="1" ht="27" customHeight="1" x14ac:dyDescent="0.15">
      <c r="A3137" s="13"/>
      <c r="B3137" s="14"/>
      <c r="C3137" s="13"/>
      <c r="D3137" s="14"/>
      <c r="E3137" s="14"/>
      <c r="F3137" s="16"/>
      <c r="G3137" s="2"/>
      <c r="H3137" s="2"/>
      <c r="I3137" s="2"/>
      <c r="J3137" s="2"/>
      <c r="K3137" s="2"/>
      <c r="L3137" s="2"/>
    </row>
    <row r="3138" spans="1:12" s="17" customFormat="1" ht="27" customHeight="1" x14ac:dyDescent="0.15">
      <c r="A3138" s="13"/>
      <c r="B3138" s="14"/>
      <c r="C3138" s="13"/>
      <c r="D3138" s="14"/>
      <c r="E3138" s="14"/>
      <c r="F3138" s="16"/>
      <c r="G3138" s="2"/>
      <c r="H3138" s="2"/>
      <c r="I3138" s="2"/>
      <c r="J3138" s="2"/>
      <c r="K3138" s="2"/>
      <c r="L3138" s="2"/>
    </row>
    <row r="3139" spans="1:12" s="17" customFormat="1" ht="27" customHeight="1" x14ac:dyDescent="0.15">
      <c r="A3139" s="13"/>
      <c r="B3139" s="14"/>
      <c r="C3139" s="13"/>
      <c r="D3139" s="14"/>
      <c r="E3139" s="14"/>
      <c r="F3139" s="16"/>
      <c r="G3139" s="2"/>
      <c r="H3139" s="2"/>
      <c r="I3139" s="2"/>
      <c r="J3139" s="2"/>
      <c r="K3139" s="2"/>
      <c r="L3139" s="2"/>
    </row>
    <row r="3140" spans="1:12" s="17" customFormat="1" ht="27" customHeight="1" x14ac:dyDescent="0.15">
      <c r="A3140" s="13"/>
      <c r="B3140" s="14"/>
      <c r="C3140" s="13"/>
      <c r="D3140" s="14"/>
      <c r="E3140" s="14"/>
      <c r="F3140" s="16"/>
      <c r="G3140" s="2"/>
      <c r="H3140" s="2"/>
      <c r="I3140" s="2"/>
      <c r="J3140" s="2"/>
      <c r="K3140" s="2"/>
      <c r="L3140" s="2"/>
    </row>
    <row r="3141" spans="1:12" s="17" customFormat="1" ht="27" customHeight="1" x14ac:dyDescent="0.15">
      <c r="A3141" s="13"/>
      <c r="B3141" s="14"/>
      <c r="C3141" s="13"/>
      <c r="D3141" s="14"/>
      <c r="E3141" s="14"/>
      <c r="F3141" s="16"/>
      <c r="G3141" s="2"/>
      <c r="H3141" s="2"/>
      <c r="I3141" s="2"/>
      <c r="J3141" s="2"/>
      <c r="K3141" s="2"/>
      <c r="L3141" s="2"/>
    </row>
    <row r="3142" spans="1:12" s="17" customFormat="1" ht="27" customHeight="1" x14ac:dyDescent="0.15">
      <c r="A3142" s="13"/>
      <c r="B3142" s="14"/>
      <c r="C3142" s="13"/>
      <c r="D3142" s="14"/>
      <c r="E3142" s="14"/>
      <c r="F3142" s="16"/>
      <c r="G3142" s="2"/>
      <c r="H3142" s="2"/>
      <c r="I3142" s="2"/>
      <c r="J3142" s="2"/>
      <c r="K3142" s="2"/>
      <c r="L3142" s="2"/>
    </row>
    <row r="3143" spans="1:12" s="17" customFormat="1" ht="27" customHeight="1" x14ac:dyDescent="0.15">
      <c r="A3143" s="13"/>
      <c r="B3143" s="14"/>
      <c r="C3143" s="13"/>
      <c r="D3143" s="14"/>
      <c r="E3143" s="14"/>
      <c r="F3143" s="16"/>
      <c r="G3143" s="2"/>
      <c r="H3143" s="2"/>
      <c r="I3143" s="2"/>
      <c r="J3143" s="2"/>
      <c r="K3143" s="2"/>
      <c r="L3143" s="2"/>
    </row>
    <row r="3144" spans="1:12" s="17" customFormat="1" ht="27" customHeight="1" x14ac:dyDescent="0.15">
      <c r="A3144" s="13"/>
      <c r="B3144" s="14"/>
      <c r="C3144" s="13"/>
      <c r="D3144" s="14"/>
      <c r="E3144" s="14"/>
      <c r="F3144" s="16"/>
      <c r="G3144" s="2"/>
      <c r="H3144" s="2"/>
      <c r="I3144" s="2"/>
      <c r="J3144" s="2"/>
      <c r="K3144" s="2"/>
      <c r="L3144" s="2"/>
    </row>
    <row r="3145" spans="1:12" s="17" customFormat="1" ht="27" customHeight="1" x14ac:dyDescent="0.15">
      <c r="A3145" s="13"/>
      <c r="B3145" s="14"/>
      <c r="C3145" s="13"/>
      <c r="D3145" s="14"/>
      <c r="E3145" s="14"/>
      <c r="F3145" s="16"/>
      <c r="G3145" s="2"/>
      <c r="H3145" s="2"/>
      <c r="I3145" s="2"/>
      <c r="J3145" s="2"/>
      <c r="K3145" s="2"/>
      <c r="L3145" s="2"/>
    </row>
    <row r="3146" spans="1:12" s="17" customFormat="1" ht="27" customHeight="1" x14ac:dyDescent="0.15">
      <c r="A3146" s="13"/>
      <c r="B3146" s="14"/>
      <c r="C3146" s="13"/>
      <c r="D3146" s="14"/>
      <c r="E3146" s="14"/>
      <c r="F3146" s="16"/>
      <c r="G3146" s="2"/>
      <c r="H3146" s="2"/>
      <c r="I3146" s="2"/>
      <c r="J3146" s="2"/>
      <c r="K3146" s="2"/>
      <c r="L3146" s="2"/>
    </row>
    <row r="3147" spans="1:12" s="17" customFormat="1" ht="27" customHeight="1" x14ac:dyDescent="0.15">
      <c r="A3147" s="13"/>
      <c r="B3147" s="14"/>
      <c r="C3147" s="13"/>
      <c r="D3147" s="14"/>
      <c r="E3147" s="14"/>
      <c r="F3147" s="16"/>
      <c r="G3147" s="2"/>
      <c r="H3147" s="2"/>
      <c r="I3147" s="2"/>
      <c r="J3147" s="2"/>
      <c r="K3147" s="2"/>
      <c r="L3147" s="2"/>
    </row>
    <row r="3148" spans="1:12" s="17" customFormat="1" ht="27" customHeight="1" x14ac:dyDescent="0.15">
      <c r="A3148" s="13"/>
      <c r="B3148" s="14"/>
      <c r="C3148" s="13"/>
      <c r="D3148" s="14"/>
      <c r="E3148" s="14"/>
      <c r="F3148" s="16"/>
      <c r="G3148" s="2"/>
      <c r="H3148" s="2"/>
      <c r="I3148" s="2"/>
      <c r="J3148" s="2"/>
      <c r="K3148" s="2"/>
      <c r="L3148" s="2"/>
    </row>
    <row r="3149" spans="1:12" s="17" customFormat="1" ht="27" customHeight="1" x14ac:dyDescent="0.15">
      <c r="A3149" s="13"/>
      <c r="B3149" s="14"/>
      <c r="C3149" s="13"/>
      <c r="D3149" s="14"/>
      <c r="E3149" s="14"/>
      <c r="F3149" s="16"/>
      <c r="G3149" s="2"/>
      <c r="H3149" s="2"/>
      <c r="I3149" s="2"/>
      <c r="J3149" s="2"/>
      <c r="K3149" s="2"/>
      <c r="L3149" s="2"/>
    </row>
    <row r="3150" spans="1:12" s="17" customFormat="1" ht="27" customHeight="1" x14ac:dyDescent="0.15">
      <c r="A3150" s="13"/>
      <c r="B3150" s="14"/>
      <c r="C3150" s="13"/>
      <c r="D3150" s="14"/>
      <c r="E3150" s="14"/>
      <c r="F3150" s="16"/>
      <c r="G3150" s="2"/>
      <c r="H3150" s="2"/>
      <c r="I3150" s="2"/>
      <c r="J3150" s="2"/>
      <c r="K3150" s="2"/>
      <c r="L3150" s="2"/>
    </row>
    <row r="3151" spans="1:12" s="17" customFormat="1" ht="27" customHeight="1" x14ac:dyDescent="0.15">
      <c r="A3151" s="13"/>
      <c r="B3151" s="14"/>
      <c r="C3151" s="13"/>
      <c r="D3151" s="14"/>
      <c r="E3151" s="14"/>
      <c r="F3151" s="16"/>
      <c r="G3151" s="2"/>
      <c r="H3151" s="2"/>
      <c r="I3151" s="2"/>
      <c r="J3151" s="2"/>
      <c r="K3151" s="2"/>
      <c r="L3151" s="2"/>
    </row>
    <row r="3152" spans="1:12" s="17" customFormat="1" ht="27" customHeight="1" x14ac:dyDescent="0.15">
      <c r="A3152" s="13"/>
      <c r="B3152" s="14"/>
      <c r="C3152" s="13"/>
      <c r="D3152" s="14"/>
      <c r="E3152" s="14"/>
      <c r="F3152" s="16"/>
      <c r="G3152" s="2"/>
      <c r="H3152" s="2"/>
      <c r="I3152" s="2"/>
      <c r="J3152" s="2"/>
      <c r="K3152" s="2"/>
      <c r="L3152" s="2"/>
    </row>
    <row r="3153" spans="1:12" s="17" customFormat="1" ht="27" customHeight="1" x14ac:dyDescent="0.15">
      <c r="A3153" s="13"/>
      <c r="B3153" s="14"/>
      <c r="C3153" s="13"/>
      <c r="D3153" s="14"/>
      <c r="E3153" s="14"/>
      <c r="F3153" s="16"/>
      <c r="G3153" s="2"/>
      <c r="H3153" s="2"/>
      <c r="I3153" s="2"/>
      <c r="J3153" s="2"/>
      <c r="K3153" s="2"/>
      <c r="L3153" s="2"/>
    </row>
    <row r="3154" spans="1:12" s="17" customFormat="1" ht="27" customHeight="1" x14ac:dyDescent="0.15">
      <c r="A3154" s="13"/>
      <c r="B3154" s="14"/>
      <c r="C3154" s="13"/>
      <c r="D3154" s="14"/>
      <c r="E3154" s="14"/>
      <c r="F3154" s="16"/>
      <c r="G3154" s="2"/>
      <c r="H3154" s="2"/>
      <c r="I3154" s="2"/>
      <c r="J3154" s="2"/>
      <c r="K3154" s="2"/>
      <c r="L3154" s="2"/>
    </row>
    <row r="3155" spans="1:12" s="17" customFormat="1" ht="27" customHeight="1" x14ac:dyDescent="0.15">
      <c r="A3155" s="13"/>
      <c r="B3155" s="14"/>
      <c r="C3155" s="13"/>
      <c r="D3155" s="14"/>
      <c r="E3155" s="14"/>
      <c r="F3155" s="16"/>
      <c r="G3155" s="2"/>
      <c r="H3155" s="2"/>
      <c r="I3155" s="2"/>
      <c r="J3155" s="2"/>
      <c r="K3155" s="2"/>
      <c r="L3155" s="2"/>
    </row>
    <row r="3156" spans="1:12" s="17" customFormat="1" ht="27" customHeight="1" x14ac:dyDescent="0.15">
      <c r="A3156" s="13"/>
      <c r="B3156" s="14"/>
      <c r="C3156" s="13"/>
      <c r="D3156" s="14"/>
      <c r="E3156" s="14"/>
      <c r="F3156" s="16"/>
      <c r="G3156" s="2"/>
      <c r="H3156" s="2"/>
      <c r="I3156" s="2"/>
      <c r="J3156" s="2"/>
      <c r="K3156" s="2"/>
      <c r="L3156" s="2"/>
    </row>
    <row r="3157" spans="1:12" s="17" customFormat="1" ht="27" customHeight="1" x14ac:dyDescent="0.15">
      <c r="A3157" s="13"/>
      <c r="B3157" s="14"/>
      <c r="C3157" s="13"/>
      <c r="D3157" s="14"/>
      <c r="E3157" s="14"/>
      <c r="F3157" s="16"/>
      <c r="G3157" s="2"/>
      <c r="H3157" s="2"/>
      <c r="I3157" s="2"/>
      <c r="J3157" s="2"/>
      <c r="K3157" s="2"/>
      <c r="L3157" s="2"/>
    </row>
    <row r="3158" spans="1:12" s="17" customFormat="1" ht="27" customHeight="1" x14ac:dyDescent="0.15">
      <c r="A3158" s="13"/>
      <c r="B3158" s="14"/>
      <c r="C3158" s="13"/>
      <c r="D3158" s="14"/>
      <c r="E3158" s="14"/>
      <c r="F3158" s="16"/>
      <c r="G3158" s="2"/>
      <c r="H3158" s="2"/>
      <c r="I3158" s="2"/>
      <c r="J3158" s="2"/>
      <c r="K3158" s="2"/>
      <c r="L3158" s="2"/>
    </row>
    <row r="3159" spans="1:12" s="17" customFormat="1" ht="27" customHeight="1" x14ac:dyDescent="0.15">
      <c r="A3159" s="13"/>
      <c r="B3159" s="14"/>
      <c r="C3159" s="13"/>
      <c r="D3159" s="14"/>
      <c r="E3159" s="14"/>
      <c r="F3159" s="16"/>
      <c r="G3159" s="2"/>
      <c r="H3159" s="2"/>
      <c r="I3159" s="2"/>
      <c r="J3159" s="2"/>
      <c r="K3159" s="2"/>
      <c r="L3159" s="2"/>
    </row>
    <row r="3160" spans="1:12" s="17" customFormat="1" ht="27" customHeight="1" x14ac:dyDescent="0.15">
      <c r="A3160" s="13"/>
      <c r="B3160" s="14"/>
      <c r="C3160" s="13"/>
      <c r="D3160" s="14"/>
      <c r="E3160" s="14"/>
      <c r="F3160" s="16"/>
      <c r="G3160" s="2"/>
      <c r="H3160" s="2"/>
      <c r="I3160" s="2"/>
      <c r="J3160" s="2"/>
      <c r="K3160" s="2"/>
      <c r="L3160" s="2"/>
    </row>
    <row r="3161" spans="1:12" s="17" customFormat="1" ht="27" customHeight="1" x14ac:dyDescent="0.15">
      <c r="A3161" s="13"/>
      <c r="B3161" s="14"/>
      <c r="C3161" s="13"/>
      <c r="D3161" s="14"/>
      <c r="E3161" s="14"/>
      <c r="F3161" s="16"/>
      <c r="G3161" s="2"/>
      <c r="H3161" s="2"/>
      <c r="I3161" s="2"/>
      <c r="J3161" s="2"/>
      <c r="K3161" s="2"/>
      <c r="L3161" s="2"/>
    </row>
    <row r="3162" spans="1:12" s="17" customFormat="1" ht="27" customHeight="1" x14ac:dyDescent="0.15">
      <c r="A3162" s="13"/>
      <c r="B3162" s="14"/>
      <c r="C3162" s="13"/>
      <c r="D3162" s="14"/>
      <c r="E3162" s="14"/>
      <c r="F3162" s="16"/>
      <c r="G3162" s="2"/>
      <c r="H3162" s="2"/>
      <c r="I3162" s="2"/>
      <c r="J3162" s="2"/>
      <c r="K3162" s="2"/>
      <c r="L3162" s="2"/>
    </row>
    <row r="3163" spans="1:12" s="17" customFormat="1" ht="27" customHeight="1" x14ac:dyDescent="0.15">
      <c r="A3163" s="13"/>
      <c r="B3163" s="14"/>
      <c r="C3163" s="13"/>
      <c r="D3163" s="14"/>
      <c r="E3163" s="14"/>
      <c r="F3163" s="16"/>
      <c r="G3163" s="2"/>
      <c r="H3163" s="2"/>
      <c r="I3163" s="2"/>
      <c r="J3163" s="2"/>
      <c r="K3163" s="2"/>
      <c r="L3163" s="2"/>
    </row>
    <row r="3164" spans="1:12" s="17" customFormat="1" ht="27" customHeight="1" x14ac:dyDescent="0.15">
      <c r="A3164" s="13"/>
      <c r="B3164" s="14"/>
      <c r="C3164" s="13"/>
      <c r="D3164" s="14"/>
      <c r="E3164" s="14"/>
      <c r="F3164" s="16"/>
      <c r="G3164" s="2"/>
      <c r="H3164" s="2"/>
      <c r="I3164" s="2"/>
      <c r="J3164" s="2"/>
      <c r="K3164" s="2"/>
      <c r="L3164" s="2"/>
    </row>
    <row r="3165" spans="1:12" s="17" customFormat="1" ht="27" customHeight="1" x14ac:dyDescent="0.15">
      <c r="A3165" s="13"/>
      <c r="B3165" s="14"/>
      <c r="C3165" s="13"/>
      <c r="D3165" s="14"/>
      <c r="E3165" s="14"/>
      <c r="F3165" s="16"/>
      <c r="G3165" s="2"/>
      <c r="H3165" s="2"/>
      <c r="I3165" s="2"/>
      <c r="J3165" s="2"/>
      <c r="K3165" s="2"/>
      <c r="L3165" s="2"/>
    </row>
    <row r="3166" spans="1:12" s="17" customFormat="1" ht="27" customHeight="1" x14ac:dyDescent="0.15">
      <c r="A3166" s="13"/>
      <c r="B3166" s="14"/>
      <c r="C3166" s="13"/>
      <c r="D3166" s="14"/>
      <c r="E3166" s="14"/>
      <c r="F3166" s="16"/>
      <c r="G3166" s="2"/>
      <c r="H3166" s="2"/>
      <c r="I3166" s="2"/>
      <c r="J3166" s="2"/>
      <c r="K3166" s="2"/>
      <c r="L3166" s="2"/>
    </row>
    <row r="3167" spans="1:12" s="17" customFormat="1" ht="27" customHeight="1" x14ac:dyDescent="0.15">
      <c r="A3167" s="13"/>
      <c r="B3167" s="14"/>
      <c r="C3167" s="13"/>
      <c r="D3167" s="14"/>
      <c r="E3167" s="14"/>
      <c r="F3167" s="16"/>
      <c r="G3167" s="2"/>
      <c r="H3167" s="2"/>
      <c r="I3167" s="2"/>
      <c r="J3167" s="2"/>
      <c r="K3167" s="2"/>
      <c r="L3167" s="2"/>
    </row>
    <row r="3168" spans="1:12" s="17" customFormat="1" ht="27" customHeight="1" x14ac:dyDescent="0.15">
      <c r="A3168" s="13"/>
      <c r="B3168" s="14"/>
      <c r="C3168" s="13"/>
      <c r="D3168" s="14"/>
      <c r="E3168" s="14"/>
      <c r="F3168" s="16"/>
      <c r="G3168" s="2"/>
      <c r="H3168" s="2"/>
      <c r="I3168" s="2"/>
      <c r="J3168" s="2"/>
      <c r="K3168" s="2"/>
      <c r="L3168" s="2"/>
    </row>
    <row r="3169" spans="1:12" s="17" customFormat="1" ht="27" customHeight="1" x14ac:dyDescent="0.15">
      <c r="A3169" s="13"/>
      <c r="B3169" s="14"/>
      <c r="C3169" s="13"/>
      <c r="D3169" s="14"/>
      <c r="E3169" s="14"/>
      <c r="F3169" s="16"/>
      <c r="G3169" s="2"/>
      <c r="H3169" s="2"/>
      <c r="I3169" s="2"/>
      <c r="J3169" s="2"/>
      <c r="K3169" s="2"/>
      <c r="L3169" s="2"/>
    </row>
    <row r="3170" spans="1:12" s="17" customFormat="1" ht="27" customHeight="1" x14ac:dyDescent="0.15">
      <c r="A3170" s="13"/>
      <c r="B3170" s="14"/>
      <c r="C3170" s="13"/>
      <c r="D3170" s="14"/>
      <c r="E3170" s="14"/>
      <c r="F3170" s="16"/>
      <c r="G3170" s="2"/>
      <c r="H3170" s="2"/>
      <c r="I3170" s="2"/>
      <c r="J3170" s="2"/>
      <c r="K3170" s="2"/>
      <c r="L3170" s="2"/>
    </row>
    <row r="3171" spans="1:12" s="17" customFormat="1" ht="27" customHeight="1" x14ac:dyDescent="0.15">
      <c r="A3171" s="13"/>
      <c r="B3171" s="14"/>
      <c r="C3171" s="13"/>
      <c r="D3171" s="14"/>
      <c r="E3171" s="14"/>
      <c r="F3171" s="16"/>
      <c r="G3171" s="2"/>
      <c r="H3171" s="2"/>
      <c r="I3171" s="2"/>
      <c r="J3171" s="2"/>
      <c r="K3171" s="2"/>
      <c r="L3171" s="2"/>
    </row>
    <row r="3172" spans="1:12" s="17" customFormat="1" ht="27" customHeight="1" x14ac:dyDescent="0.15">
      <c r="A3172" s="13"/>
      <c r="B3172" s="14"/>
      <c r="C3172" s="13"/>
      <c r="D3172" s="14"/>
      <c r="E3172" s="14"/>
      <c r="F3172" s="16"/>
      <c r="G3172" s="2"/>
      <c r="H3172" s="2"/>
      <c r="I3172" s="2"/>
      <c r="J3172" s="2"/>
      <c r="K3172" s="2"/>
      <c r="L3172" s="2"/>
    </row>
    <row r="3173" spans="1:12" s="17" customFormat="1" ht="27" customHeight="1" x14ac:dyDescent="0.15">
      <c r="A3173" s="13"/>
      <c r="B3173" s="14"/>
      <c r="C3173" s="13"/>
      <c r="D3173" s="14"/>
      <c r="E3173" s="14"/>
      <c r="F3173" s="16"/>
      <c r="G3173" s="2"/>
      <c r="H3173" s="2"/>
      <c r="I3173" s="2"/>
      <c r="J3173" s="2"/>
      <c r="K3173" s="2"/>
      <c r="L3173" s="2"/>
    </row>
    <row r="3174" spans="1:12" s="17" customFormat="1" ht="27" customHeight="1" x14ac:dyDescent="0.15">
      <c r="A3174" s="13"/>
      <c r="B3174" s="14"/>
      <c r="C3174" s="13"/>
      <c r="D3174" s="14"/>
      <c r="E3174" s="14"/>
      <c r="F3174" s="16"/>
      <c r="G3174" s="2"/>
      <c r="H3174" s="2"/>
      <c r="I3174" s="2"/>
      <c r="J3174" s="2"/>
      <c r="K3174" s="2"/>
      <c r="L3174" s="2"/>
    </row>
    <row r="3175" spans="1:12" s="17" customFormat="1" ht="27" customHeight="1" x14ac:dyDescent="0.15">
      <c r="A3175" s="13"/>
      <c r="B3175" s="14"/>
      <c r="C3175" s="13"/>
      <c r="D3175" s="14"/>
      <c r="E3175" s="14"/>
      <c r="F3175" s="16"/>
      <c r="G3175" s="2"/>
      <c r="H3175" s="2"/>
      <c r="I3175" s="2"/>
      <c r="J3175" s="2"/>
      <c r="K3175" s="2"/>
      <c r="L3175" s="2"/>
    </row>
    <row r="3176" spans="1:12" s="17" customFormat="1" ht="27" customHeight="1" x14ac:dyDescent="0.15">
      <c r="A3176" s="13"/>
      <c r="B3176" s="14"/>
      <c r="C3176" s="13"/>
      <c r="D3176" s="14"/>
      <c r="E3176" s="14"/>
      <c r="F3176" s="16"/>
      <c r="G3176" s="2"/>
      <c r="H3176" s="2"/>
      <c r="I3176" s="2"/>
      <c r="J3176" s="2"/>
      <c r="K3176" s="2"/>
      <c r="L3176" s="2"/>
    </row>
    <row r="3177" spans="1:12" s="17" customFormat="1" ht="27" customHeight="1" x14ac:dyDescent="0.15">
      <c r="A3177" s="13"/>
      <c r="B3177" s="14"/>
      <c r="C3177" s="13"/>
      <c r="D3177" s="14"/>
      <c r="E3177" s="14"/>
      <c r="F3177" s="16"/>
      <c r="G3177" s="2"/>
      <c r="H3177" s="2"/>
      <c r="I3177" s="2"/>
      <c r="J3177" s="2"/>
      <c r="K3177" s="2"/>
      <c r="L3177" s="2"/>
    </row>
    <row r="3178" spans="1:12" s="17" customFormat="1" ht="27" customHeight="1" x14ac:dyDescent="0.15">
      <c r="A3178" s="13"/>
      <c r="B3178" s="14"/>
      <c r="C3178" s="13"/>
      <c r="D3178" s="14"/>
      <c r="E3178" s="14"/>
      <c r="F3178" s="16"/>
      <c r="G3178" s="2"/>
      <c r="H3178" s="2"/>
      <c r="I3178" s="2"/>
      <c r="J3178" s="2"/>
      <c r="K3178" s="2"/>
      <c r="L3178" s="2"/>
    </row>
    <row r="3179" spans="1:12" s="17" customFormat="1" ht="27" customHeight="1" x14ac:dyDescent="0.15">
      <c r="A3179" s="13"/>
      <c r="B3179" s="14"/>
      <c r="C3179" s="13"/>
      <c r="D3179" s="14"/>
      <c r="E3179" s="14"/>
      <c r="F3179" s="16"/>
      <c r="G3179" s="2"/>
      <c r="H3179" s="2"/>
      <c r="I3179" s="2"/>
      <c r="J3179" s="2"/>
      <c r="K3179" s="2"/>
      <c r="L3179" s="2"/>
    </row>
    <row r="3180" spans="1:12" s="17" customFormat="1" ht="27" customHeight="1" x14ac:dyDescent="0.15">
      <c r="A3180" s="13"/>
      <c r="B3180" s="14"/>
      <c r="C3180" s="13"/>
      <c r="D3180" s="14"/>
      <c r="E3180" s="14"/>
      <c r="F3180" s="16"/>
      <c r="G3180" s="2"/>
      <c r="H3180" s="2"/>
      <c r="I3180" s="2"/>
      <c r="J3180" s="2"/>
      <c r="K3180" s="2"/>
      <c r="L3180" s="2"/>
    </row>
    <row r="3181" spans="1:12" s="17" customFormat="1" ht="27" customHeight="1" x14ac:dyDescent="0.15">
      <c r="A3181" s="13"/>
      <c r="B3181" s="14"/>
      <c r="C3181" s="13"/>
      <c r="D3181" s="14"/>
      <c r="E3181" s="14"/>
      <c r="F3181" s="16"/>
      <c r="G3181" s="2"/>
      <c r="H3181" s="2"/>
      <c r="I3181" s="2"/>
      <c r="J3181" s="2"/>
      <c r="K3181" s="2"/>
      <c r="L3181" s="2"/>
    </row>
    <row r="3182" spans="1:12" s="17" customFormat="1" ht="27" customHeight="1" x14ac:dyDescent="0.15">
      <c r="A3182" s="13"/>
      <c r="B3182" s="14"/>
      <c r="C3182" s="13"/>
      <c r="D3182" s="14"/>
      <c r="E3182" s="14"/>
      <c r="F3182" s="16"/>
      <c r="G3182" s="2"/>
      <c r="H3182" s="2"/>
      <c r="I3182" s="2"/>
      <c r="J3182" s="2"/>
      <c r="K3182" s="2"/>
      <c r="L3182" s="2"/>
    </row>
    <row r="3183" spans="1:12" s="17" customFormat="1" ht="27" customHeight="1" x14ac:dyDescent="0.15">
      <c r="A3183" s="13"/>
      <c r="B3183" s="14"/>
      <c r="C3183" s="13"/>
      <c r="D3183" s="14"/>
      <c r="E3183" s="14"/>
      <c r="F3183" s="16"/>
      <c r="G3183" s="2"/>
      <c r="H3183" s="2"/>
      <c r="I3183" s="2"/>
      <c r="J3183" s="2"/>
      <c r="K3183" s="2"/>
      <c r="L3183" s="2"/>
    </row>
    <row r="3184" spans="1:12" s="17" customFormat="1" ht="27" customHeight="1" x14ac:dyDescent="0.15">
      <c r="A3184" s="13"/>
      <c r="B3184" s="14"/>
      <c r="C3184" s="13"/>
      <c r="D3184" s="14"/>
      <c r="E3184" s="14"/>
      <c r="F3184" s="16"/>
      <c r="G3184" s="2"/>
      <c r="H3184" s="2"/>
      <c r="I3184" s="2"/>
      <c r="J3184" s="2"/>
      <c r="K3184" s="2"/>
      <c r="L3184" s="2"/>
    </row>
    <row r="3185" spans="1:12" s="17" customFormat="1" ht="27" customHeight="1" x14ac:dyDescent="0.15">
      <c r="A3185" s="13"/>
      <c r="B3185" s="14"/>
      <c r="C3185" s="13"/>
      <c r="D3185" s="14"/>
      <c r="E3185" s="14"/>
      <c r="F3185" s="16"/>
      <c r="G3185" s="2"/>
      <c r="H3185" s="2"/>
      <c r="I3185" s="2"/>
      <c r="J3185" s="2"/>
      <c r="K3185" s="2"/>
      <c r="L3185" s="2"/>
    </row>
    <row r="3186" spans="1:12" s="17" customFormat="1" ht="27" customHeight="1" x14ac:dyDescent="0.15">
      <c r="A3186" s="13"/>
      <c r="B3186" s="14"/>
      <c r="C3186" s="13"/>
      <c r="D3186" s="14"/>
      <c r="E3186" s="14"/>
      <c r="F3186" s="16"/>
      <c r="G3186" s="2"/>
      <c r="H3186" s="2"/>
      <c r="I3186" s="2"/>
      <c r="J3186" s="2"/>
      <c r="K3186" s="2"/>
      <c r="L3186" s="2"/>
    </row>
    <row r="3187" spans="1:12" s="17" customFormat="1" ht="27" customHeight="1" x14ac:dyDescent="0.15">
      <c r="A3187" s="13"/>
      <c r="B3187" s="14"/>
      <c r="C3187" s="13"/>
      <c r="D3187" s="14"/>
      <c r="E3187" s="14"/>
      <c r="F3187" s="16"/>
      <c r="G3187" s="2"/>
      <c r="H3187" s="2"/>
      <c r="I3187" s="2"/>
      <c r="J3187" s="2"/>
      <c r="K3187" s="2"/>
      <c r="L3187" s="2"/>
    </row>
    <row r="3188" spans="1:12" s="17" customFormat="1" ht="27" customHeight="1" x14ac:dyDescent="0.15">
      <c r="A3188" s="13"/>
      <c r="B3188" s="14"/>
      <c r="C3188" s="13"/>
      <c r="D3188" s="14"/>
      <c r="E3188" s="14"/>
      <c r="F3188" s="16"/>
      <c r="G3188" s="2"/>
      <c r="H3188" s="2"/>
      <c r="I3188" s="2"/>
      <c r="J3188" s="2"/>
      <c r="K3188" s="2"/>
      <c r="L3188" s="2"/>
    </row>
    <row r="3189" spans="1:12" s="17" customFormat="1" ht="27" customHeight="1" x14ac:dyDescent="0.15">
      <c r="A3189" s="13"/>
      <c r="B3189" s="14"/>
      <c r="C3189" s="13"/>
      <c r="D3189" s="14"/>
      <c r="E3189" s="14"/>
      <c r="F3189" s="16"/>
      <c r="G3189" s="2"/>
      <c r="H3189" s="2"/>
      <c r="I3189" s="2"/>
      <c r="J3189" s="2"/>
      <c r="K3189" s="2"/>
      <c r="L3189" s="2"/>
    </row>
    <row r="3190" spans="1:12" s="17" customFormat="1" ht="27" customHeight="1" x14ac:dyDescent="0.15">
      <c r="A3190" s="13"/>
      <c r="B3190" s="14"/>
      <c r="C3190" s="13"/>
      <c r="D3190" s="14"/>
      <c r="E3190" s="14"/>
      <c r="F3190" s="16"/>
      <c r="G3190" s="2"/>
      <c r="H3190" s="2"/>
      <c r="I3190" s="2"/>
      <c r="J3190" s="2"/>
      <c r="K3190" s="2"/>
      <c r="L3190" s="2"/>
    </row>
    <row r="3191" spans="1:12" s="17" customFormat="1" ht="27" customHeight="1" x14ac:dyDescent="0.15">
      <c r="A3191" s="13"/>
      <c r="B3191" s="14"/>
      <c r="C3191" s="13"/>
      <c r="D3191" s="14"/>
      <c r="E3191" s="14"/>
      <c r="F3191" s="16"/>
      <c r="G3191" s="2"/>
      <c r="H3191" s="2"/>
      <c r="I3191" s="2"/>
      <c r="J3191" s="2"/>
      <c r="K3191" s="2"/>
      <c r="L3191" s="2"/>
    </row>
    <row r="3192" spans="1:12" s="17" customFormat="1" ht="27" customHeight="1" x14ac:dyDescent="0.15">
      <c r="A3192" s="13"/>
      <c r="B3192" s="14"/>
      <c r="C3192" s="13"/>
      <c r="D3192" s="14"/>
      <c r="E3192" s="14"/>
      <c r="F3192" s="16"/>
      <c r="G3192" s="2"/>
      <c r="H3192" s="2"/>
      <c r="I3192" s="2"/>
      <c r="J3192" s="2"/>
      <c r="K3192" s="2"/>
      <c r="L3192" s="2"/>
    </row>
    <row r="3193" spans="1:12" s="17" customFormat="1" ht="27" customHeight="1" x14ac:dyDescent="0.15">
      <c r="A3193" s="13"/>
      <c r="B3193" s="14"/>
      <c r="C3193" s="13"/>
      <c r="D3193" s="14"/>
      <c r="E3193" s="14"/>
      <c r="F3193" s="16"/>
      <c r="G3193" s="2"/>
      <c r="H3193" s="2"/>
      <c r="I3193" s="2"/>
      <c r="J3193" s="2"/>
      <c r="K3193" s="2"/>
      <c r="L3193" s="2"/>
    </row>
    <row r="3194" spans="1:12" s="17" customFormat="1" ht="27" customHeight="1" x14ac:dyDescent="0.15">
      <c r="A3194" s="13"/>
      <c r="B3194" s="14"/>
      <c r="C3194" s="13"/>
      <c r="D3194" s="14"/>
      <c r="E3194" s="14"/>
      <c r="F3194" s="16"/>
      <c r="G3194" s="2"/>
      <c r="H3194" s="2"/>
      <c r="I3194" s="2"/>
      <c r="J3194" s="2"/>
      <c r="K3194" s="2"/>
      <c r="L3194" s="2"/>
    </row>
    <row r="3195" spans="1:12" s="17" customFormat="1" ht="27" customHeight="1" x14ac:dyDescent="0.15">
      <c r="A3195" s="13"/>
      <c r="B3195" s="14"/>
      <c r="C3195" s="13"/>
      <c r="D3195" s="14"/>
      <c r="E3195" s="14"/>
      <c r="F3195" s="16"/>
      <c r="G3195" s="2"/>
      <c r="H3195" s="2"/>
      <c r="I3195" s="2"/>
      <c r="J3195" s="2"/>
      <c r="K3195" s="2"/>
      <c r="L3195" s="2"/>
    </row>
    <row r="3196" spans="1:12" s="17" customFormat="1" ht="27" customHeight="1" x14ac:dyDescent="0.15">
      <c r="A3196" s="13"/>
      <c r="B3196" s="14"/>
      <c r="C3196" s="13"/>
      <c r="D3196" s="14"/>
      <c r="E3196" s="14"/>
      <c r="F3196" s="16"/>
      <c r="G3196" s="2"/>
      <c r="H3196" s="2"/>
      <c r="I3196" s="2"/>
      <c r="J3196" s="2"/>
      <c r="K3196" s="2"/>
      <c r="L3196" s="2"/>
    </row>
    <row r="3197" spans="1:12" s="17" customFormat="1" ht="27" customHeight="1" x14ac:dyDescent="0.15">
      <c r="A3197" s="13"/>
      <c r="B3197" s="14"/>
      <c r="C3197" s="13"/>
      <c r="D3197" s="14"/>
      <c r="E3197" s="14"/>
      <c r="F3197" s="16"/>
      <c r="G3197" s="2"/>
      <c r="H3197" s="2"/>
      <c r="I3197" s="2"/>
      <c r="J3197" s="2"/>
      <c r="K3197" s="2"/>
      <c r="L3197" s="2"/>
    </row>
    <row r="3198" spans="1:12" s="17" customFormat="1" ht="27" customHeight="1" x14ac:dyDescent="0.15">
      <c r="A3198" s="13"/>
      <c r="B3198" s="14"/>
      <c r="C3198" s="13"/>
      <c r="D3198" s="14"/>
      <c r="E3198" s="14"/>
      <c r="F3198" s="16"/>
      <c r="G3198" s="2"/>
      <c r="H3198" s="2"/>
      <c r="I3198" s="2"/>
      <c r="J3198" s="2"/>
      <c r="K3198" s="2"/>
      <c r="L3198" s="2"/>
    </row>
    <row r="3199" spans="1:12" s="17" customFormat="1" ht="27" customHeight="1" x14ac:dyDescent="0.15">
      <c r="A3199" s="13"/>
      <c r="B3199" s="14"/>
      <c r="C3199" s="13"/>
      <c r="D3199" s="14"/>
      <c r="E3199" s="14"/>
      <c r="F3199" s="16"/>
      <c r="G3199" s="2"/>
      <c r="H3199" s="2"/>
      <c r="I3199" s="2"/>
      <c r="J3199" s="2"/>
      <c r="K3199" s="2"/>
      <c r="L3199" s="2"/>
    </row>
    <row r="3200" spans="1:12" s="17" customFormat="1" ht="27" customHeight="1" x14ac:dyDescent="0.15">
      <c r="A3200" s="13"/>
      <c r="B3200" s="14"/>
      <c r="C3200" s="13"/>
      <c r="D3200" s="14"/>
      <c r="E3200" s="14"/>
      <c r="F3200" s="16"/>
      <c r="G3200" s="2"/>
      <c r="H3200" s="2"/>
      <c r="I3200" s="2"/>
      <c r="J3200" s="2"/>
      <c r="K3200" s="2"/>
      <c r="L3200" s="2"/>
    </row>
    <row r="3201" spans="1:12" s="17" customFormat="1" ht="27" customHeight="1" x14ac:dyDescent="0.15">
      <c r="A3201" s="13"/>
      <c r="B3201" s="14"/>
      <c r="C3201" s="13"/>
      <c r="D3201" s="14"/>
      <c r="E3201" s="14"/>
      <c r="F3201" s="16"/>
      <c r="G3201" s="2"/>
      <c r="H3201" s="2"/>
      <c r="I3201" s="2"/>
      <c r="J3201" s="2"/>
      <c r="K3201" s="2"/>
      <c r="L3201" s="2"/>
    </row>
    <row r="3202" spans="1:12" s="17" customFormat="1" ht="27" customHeight="1" x14ac:dyDescent="0.15">
      <c r="A3202" s="13"/>
      <c r="B3202" s="14"/>
      <c r="C3202" s="13"/>
      <c r="D3202" s="14"/>
      <c r="E3202" s="14"/>
      <c r="F3202" s="16"/>
      <c r="G3202" s="2"/>
      <c r="H3202" s="2"/>
      <c r="I3202" s="2"/>
      <c r="J3202" s="2"/>
      <c r="K3202" s="2"/>
      <c r="L3202" s="2"/>
    </row>
    <row r="3203" spans="1:12" s="17" customFormat="1" ht="27" customHeight="1" x14ac:dyDescent="0.15">
      <c r="A3203" s="13"/>
      <c r="B3203" s="14"/>
      <c r="C3203" s="13"/>
      <c r="D3203" s="14"/>
      <c r="E3203" s="14"/>
      <c r="F3203" s="16"/>
      <c r="G3203" s="2"/>
      <c r="H3203" s="2"/>
      <c r="I3203" s="2"/>
      <c r="J3203" s="2"/>
      <c r="K3203" s="2"/>
      <c r="L3203" s="2"/>
    </row>
    <row r="3204" spans="1:12" s="17" customFormat="1" ht="27" customHeight="1" x14ac:dyDescent="0.15">
      <c r="A3204" s="13"/>
      <c r="B3204" s="14"/>
      <c r="C3204" s="13"/>
      <c r="D3204" s="14"/>
      <c r="E3204" s="14"/>
      <c r="F3204" s="16"/>
      <c r="G3204" s="2"/>
      <c r="H3204" s="2"/>
      <c r="I3204" s="2"/>
      <c r="J3204" s="2"/>
      <c r="K3204" s="2"/>
      <c r="L3204" s="2"/>
    </row>
    <row r="3205" spans="1:12" s="17" customFormat="1" ht="27" customHeight="1" x14ac:dyDescent="0.15">
      <c r="A3205" s="13"/>
      <c r="B3205" s="14"/>
      <c r="C3205" s="13"/>
      <c r="D3205" s="14"/>
      <c r="E3205" s="14"/>
      <c r="F3205" s="16"/>
      <c r="G3205" s="2"/>
      <c r="H3205" s="2"/>
      <c r="I3205" s="2"/>
      <c r="J3205" s="2"/>
      <c r="K3205" s="2"/>
      <c r="L3205" s="2"/>
    </row>
    <row r="3206" spans="1:12" s="17" customFormat="1" ht="27" customHeight="1" x14ac:dyDescent="0.15">
      <c r="A3206" s="13"/>
      <c r="B3206" s="14"/>
      <c r="C3206" s="13"/>
      <c r="D3206" s="14"/>
      <c r="E3206" s="14"/>
      <c r="F3206" s="16"/>
      <c r="G3206" s="2"/>
      <c r="H3206" s="2"/>
      <c r="I3206" s="2"/>
      <c r="J3206" s="2"/>
      <c r="K3206" s="2"/>
      <c r="L3206" s="2"/>
    </row>
    <row r="3207" spans="1:12" s="17" customFormat="1" ht="27" customHeight="1" x14ac:dyDescent="0.15">
      <c r="A3207" s="13"/>
      <c r="B3207" s="14"/>
      <c r="C3207" s="13"/>
      <c r="D3207" s="14"/>
      <c r="E3207" s="14"/>
      <c r="F3207" s="16"/>
      <c r="G3207" s="2"/>
      <c r="H3207" s="2"/>
      <c r="I3207" s="2"/>
      <c r="J3207" s="2"/>
      <c r="K3207" s="2"/>
      <c r="L3207" s="2"/>
    </row>
    <row r="3208" spans="1:12" s="17" customFormat="1" ht="27" customHeight="1" x14ac:dyDescent="0.15">
      <c r="A3208" s="13"/>
      <c r="B3208" s="14"/>
      <c r="C3208" s="13"/>
      <c r="D3208" s="14"/>
      <c r="E3208" s="14"/>
      <c r="F3208" s="16"/>
      <c r="G3208" s="2"/>
      <c r="H3208" s="2"/>
      <c r="I3208" s="2"/>
      <c r="J3208" s="2"/>
      <c r="K3208" s="2"/>
      <c r="L3208" s="2"/>
    </row>
    <row r="3209" spans="1:12" s="17" customFormat="1" ht="27" customHeight="1" x14ac:dyDescent="0.15">
      <c r="A3209" s="13"/>
      <c r="B3209" s="14"/>
      <c r="C3209" s="13"/>
      <c r="D3209" s="14"/>
      <c r="E3209" s="14"/>
      <c r="F3209" s="16"/>
      <c r="G3209" s="2"/>
      <c r="H3209" s="2"/>
      <c r="I3209" s="2"/>
      <c r="J3209" s="2"/>
      <c r="K3209" s="2"/>
      <c r="L3209" s="2"/>
    </row>
    <row r="3210" spans="1:12" s="17" customFormat="1" ht="27" customHeight="1" x14ac:dyDescent="0.15">
      <c r="A3210" s="13"/>
      <c r="B3210" s="14"/>
      <c r="C3210" s="13"/>
      <c r="D3210" s="14"/>
      <c r="E3210" s="14"/>
      <c r="F3210" s="16"/>
      <c r="G3210" s="2"/>
      <c r="H3210" s="2"/>
      <c r="I3210" s="2"/>
      <c r="J3210" s="2"/>
      <c r="K3210" s="2"/>
      <c r="L3210" s="2"/>
    </row>
    <row r="3211" spans="1:12" s="17" customFormat="1" ht="27" customHeight="1" x14ac:dyDescent="0.15">
      <c r="A3211" s="13"/>
      <c r="B3211" s="14"/>
      <c r="C3211" s="13"/>
      <c r="D3211" s="14"/>
      <c r="E3211" s="14"/>
      <c r="F3211" s="16"/>
      <c r="G3211" s="2"/>
      <c r="H3211" s="2"/>
      <c r="I3211" s="2"/>
      <c r="J3211" s="2"/>
      <c r="K3211" s="2"/>
      <c r="L3211" s="2"/>
    </row>
    <row r="3212" spans="1:12" s="17" customFormat="1" ht="27" customHeight="1" x14ac:dyDescent="0.15">
      <c r="A3212" s="13"/>
      <c r="B3212" s="14"/>
      <c r="C3212" s="13"/>
      <c r="D3212" s="14"/>
      <c r="E3212" s="14"/>
      <c r="F3212" s="16"/>
      <c r="G3212" s="2"/>
      <c r="H3212" s="2"/>
      <c r="I3212" s="2"/>
      <c r="J3212" s="2"/>
      <c r="K3212" s="2"/>
      <c r="L3212" s="2"/>
    </row>
    <row r="3213" spans="1:12" s="17" customFormat="1" ht="27" customHeight="1" x14ac:dyDescent="0.15">
      <c r="A3213" s="13"/>
      <c r="B3213" s="14"/>
      <c r="C3213" s="13"/>
      <c r="D3213" s="14"/>
      <c r="E3213" s="14"/>
      <c r="F3213" s="16"/>
      <c r="G3213" s="2"/>
      <c r="H3213" s="2"/>
      <c r="I3213" s="2"/>
      <c r="J3213" s="2"/>
      <c r="K3213" s="2"/>
      <c r="L3213" s="2"/>
    </row>
    <row r="3214" spans="1:12" s="17" customFormat="1" ht="27" customHeight="1" x14ac:dyDescent="0.15">
      <c r="A3214" s="13"/>
      <c r="B3214" s="14"/>
      <c r="C3214" s="13"/>
      <c r="D3214" s="14"/>
      <c r="E3214" s="14"/>
      <c r="F3214" s="16"/>
      <c r="G3214" s="2"/>
      <c r="H3214" s="2"/>
      <c r="I3214" s="2"/>
      <c r="J3214" s="2"/>
      <c r="K3214" s="2"/>
      <c r="L3214" s="2"/>
    </row>
    <row r="3215" spans="1:12" s="17" customFormat="1" ht="27" customHeight="1" x14ac:dyDescent="0.15">
      <c r="A3215" s="13"/>
      <c r="B3215" s="14"/>
      <c r="C3215" s="13"/>
      <c r="D3215" s="14"/>
      <c r="E3215" s="14"/>
      <c r="F3215" s="16"/>
      <c r="G3215" s="2"/>
      <c r="H3215" s="2"/>
      <c r="I3215" s="2"/>
      <c r="J3215" s="2"/>
      <c r="K3215" s="2"/>
      <c r="L3215" s="2"/>
    </row>
    <row r="3216" spans="1:12" s="17" customFormat="1" ht="27" customHeight="1" x14ac:dyDescent="0.15">
      <c r="A3216" s="13"/>
      <c r="B3216" s="14"/>
      <c r="C3216" s="13"/>
      <c r="D3216" s="14"/>
      <c r="E3216" s="14"/>
      <c r="F3216" s="16"/>
      <c r="G3216" s="2"/>
      <c r="H3216" s="2"/>
      <c r="I3216" s="2"/>
      <c r="J3216" s="2"/>
      <c r="K3216" s="2"/>
      <c r="L3216" s="2"/>
    </row>
    <row r="3217" spans="1:12" s="17" customFormat="1" ht="27" customHeight="1" x14ac:dyDescent="0.15">
      <c r="A3217" s="13"/>
      <c r="B3217" s="14"/>
      <c r="C3217" s="13"/>
      <c r="D3217" s="14"/>
      <c r="E3217" s="14"/>
      <c r="F3217" s="16"/>
      <c r="G3217" s="2"/>
      <c r="H3217" s="2"/>
      <c r="I3217" s="2"/>
      <c r="J3217" s="2"/>
      <c r="K3217" s="2"/>
      <c r="L3217" s="2"/>
    </row>
    <row r="3218" spans="1:12" s="17" customFormat="1" ht="27" customHeight="1" x14ac:dyDescent="0.15">
      <c r="A3218" s="13"/>
      <c r="B3218" s="14"/>
      <c r="C3218" s="13"/>
      <c r="D3218" s="14"/>
      <c r="E3218" s="14"/>
      <c r="F3218" s="16"/>
      <c r="G3218" s="2"/>
      <c r="H3218" s="2"/>
      <c r="I3218" s="2"/>
      <c r="J3218" s="2"/>
      <c r="K3218" s="2"/>
      <c r="L3218" s="2"/>
    </row>
    <row r="3219" spans="1:12" s="17" customFormat="1" ht="27" customHeight="1" x14ac:dyDescent="0.15">
      <c r="A3219" s="13"/>
      <c r="B3219" s="14"/>
      <c r="C3219" s="13"/>
      <c r="D3219" s="14"/>
      <c r="E3219" s="14"/>
      <c r="F3219" s="16"/>
      <c r="G3219" s="2"/>
      <c r="H3219" s="2"/>
      <c r="I3219" s="2"/>
      <c r="J3219" s="2"/>
      <c r="K3219" s="2"/>
      <c r="L3219" s="2"/>
    </row>
    <row r="3220" spans="1:12" s="17" customFormat="1" ht="27" customHeight="1" x14ac:dyDescent="0.15">
      <c r="A3220" s="13"/>
      <c r="B3220" s="14"/>
      <c r="C3220" s="13"/>
      <c r="D3220" s="14"/>
      <c r="E3220" s="14"/>
      <c r="F3220" s="16"/>
      <c r="G3220" s="2"/>
      <c r="H3220" s="2"/>
      <c r="I3220" s="2"/>
      <c r="J3220" s="2"/>
      <c r="K3220" s="2"/>
      <c r="L3220" s="2"/>
    </row>
    <row r="3221" spans="1:12" s="17" customFormat="1" ht="27" customHeight="1" x14ac:dyDescent="0.15">
      <c r="A3221" s="13"/>
      <c r="B3221" s="14"/>
      <c r="C3221" s="13"/>
      <c r="D3221" s="14"/>
      <c r="E3221" s="14"/>
      <c r="F3221" s="16"/>
      <c r="G3221" s="2"/>
      <c r="H3221" s="2"/>
      <c r="I3221" s="2"/>
      <c r="J3221" s="2"/>
      <c r="K3221" s="2"/>
      <c r="L3221" s="2"/>
    </row>
    <row r="3222" spans="1:12" s="17" customFormat="1" ht="27" customHeight="1" x14ac:dyDescent="0.15">
      <c r="A3222" s="13"/>
      <c r="B3222" s="14"/>
      <c r="C3222" s="13"/>
      <c r="D3222" s="14"/>
      <c r="E3222" s="14"/>
      <c r="F3222" s="16"/>
      <c r="G3222" s="2"/>
      <c r="H3222" s="2"/>
      <c r="I3222" s="2"/>
      <c r="J3222" s="2"/>
      <c r="K3222" s="2"/>
      <c r="L3222" s="2"/>
    </row>
    <row r="3223" spans="1:12" s="17" customFormat="1" ht="27" customHeight="1" x14ac:dyDescent="0.15">
      <c r="A3223" s="13"/>
      <c r="B3223" s="14"/>
      <c r="C3223" s="13"/>
      <c r="D3223" s="14"/>
      <c r="E3223" s="14"/>
      <c r="F3223" s="16"/>
      <c r="G3223" s="2"/>
      <c r="H3223" s="2"/>
      <c r="I3223" s="2"/>
      <c r="J3223" s="2"/>
      <c r="K3223" s="2"/>
      <c r="L3223" s="2"/>
    </row>
    <row r="3224" spans="1:12" s="17" customFormat="1" ht="27" customHeight="1" x14ac:dyDescent="0.15">
      <c r="A3224" s="13"/>
      <c r="B3224" s="14"/>
      <c r="C3224" s="13"/>
      <c r="D3224" s="14"/>
      <c r="E3224" s="14"/>
      <c r="F3224" s="16"/>
      <c r="G3224" s="2"/>
      <c r="H3224" s="2"/>
      <c r="I3224" s="2"/>
      <c r="J3224" s="2"/>
      <c r="K3224" s="2"/>
      <c r="L3224" s="2"/>
    </row>
    <row r="3225" spans="1:12" s="17" customFormat="1" ht="27" customHeight="1" x14ac:dyDescent="0.15">
      <c r="A3225" s="13"/>
      <c r="B3225" s="14"/>
      <c r="C3225" s="13"/>
      <c r="D3225" s="14"/>
      <c r="E3225" s="14"/>
      <c r="F3225" s="16"/>
      <c r="G3225" s="2"/>
      <c r="H3225" s="2"/>
      <c r="I3225" s="2"/>
      <c r="J3225" s="2"/>
      <c r="K3225" s="2"/>
      <c r="L3225" s="2"/>
    </row>
    <row r="3226" spans="1:12" s="17" customFormat="1" ht="27" customHeight="1" x14ac:dyDescent="0.15">
      <c r="A3226" s="13"/>
      <c r="B3226" s="14"/>
      <c r="C3226" s="13"/>
      <c r="D3226" s="14"/>
      <c r="E3226" s="14"/>
      <c r="F3226" s="16"/>
      <c r="G3226" s="2"/>
      <c r="H3226" s="2"/>
      <c r="I3226" s="2"/>
      <c r="J3226" s="2"/>
      <c r="K3226" s="2"/>
      <c r="L3226" s="2"/>
    </row>
    <row r="3227" spans="1:12" s="17" customFormat="1" ht="27" customHeight="1" x14ac:dyDescent="0.15">
      <c r="A3227" s="13"/>
      <c r="B3227" s="14"/>
      <c r="C3227" s="13"/>
      <c r="D3227" s="14"/>
      <c r="E3227" s="14"/>
      <c r="F3227" s="16"/>
      <c r="G3227" s="2"/>
      <c r="H3227" s="2"/>
      <c r="I3227" s="2"/>
      <c r="J3227" s="2"/>
      <c r="K3227" s="2"/>
      <c r="L3227" s="2"/>
    </row>
    <row r="3228" spans="1:12" s="17" customFormat="1" ht="27" customHeight="1" x14ac:dyDescent="0.15">
      <c r="A3228" s="13"/>
      <c r="B3228" s="14"/>
      <c r="C3228" s="13"/>
      <c r="D3228" s="14"/>
      <c r="E3228" s="14"/>
      <c r="F3228" s="16"/>
      <c r="G3228" s="2"/>
      <c r="H3228" s="2"/>
      <c r="I3228" s="2"/>
      <c r="J3228" s="2"/>
      <c r="K3228" s="2"/>
      <c r="L3228" s="2"/>
    </row>
    <row r="3229" spans="1:12" s="17" customFormat="1" ht="27" customHeight="1" x14ac:dyDescent="0.15">
      <c r="A3229" s="13"/>
      <c r="B3229" s="14"/>
      <c r="C3229" s="13"/>
      <c r="D3229" s="14"/>
      <c r="E3229" s="14"/>
      <c r="F3229" s="16"/>
      <c r="G3229" s="2"/>
      <c r="H3229" s="2"/>
      <c r="I3229" s="2"/>
      <c r="J3229" s="2"/>
      <c r="K3229" s="2"/>
      <c r="L3229" s="2"/>
    </row>
    <row r="3230" spans="1:12" s="17" customFormat="1" ht="27" customHeight="1" x14ac:dyDescent="0.15">
      <c r="A3230" s="13"/>
      <c r="B3230" s="14"/>
      <c r="C3230" s="13"/>
      <c r="D3230" s="14"/>
      <c r="E3230" s="14"/>
      <c r="F3230" s="16"/>
      <c r="G3230" s="2"/>
      <c r="H3230" s="2"/>
      <c r="I3230" s="2"/>
      <c r="J3230" s="2"/>
      <c r="K3230" s="2"/>
      <c r="L3230" s="2"/>
    </row>
    <row r="3231" spans="1:12" s="17" customFormat="1" ht="27" customHeight="1" x14ac:dyDescent="0.15">
      <c r="A3231" s="13"/>
      <c r="B3231" s="14"/>
      <c r="C3231" s="13"/>
      <c r="D3231" s="14"/>
      <c r="E3231" s="14"/>
      <c r="F3231" s="16"/>
      <c r="G3231" s="2"/>
      <c r="H3231" s="2"/>
      <c r="I3231" s="2"/>
      <c r="J3231" s="2"/>
      <c r="K3231" s="2"/>
      <c r="L3231" s="2"/>
    </row>
    <row r="3232" spans="1:12" s="17" customFormat="1" ht="27" customHeight="1" x14ac:dyDescent="0.15">
      <c r="A3232" s="13"/>
      <c r="B3232" s="14"/>
      <c r="C3232" s="13"/>
      <c r="D3232" s="14"/>
      <c r="E3232" s="14"/>
      <c r="F3232" s="16"/>
      <c r="G3232" s="2"/>
      <c r="H3232" s="2"/>
      <c r="I3232" s="2"/>
      <c r="J3232" s="2"/>
      <c r="K3232" s="2"/>
      <c r="L3232" s="2"/>
    </row>
    <row r="3233" spans="1:12" s="17" customFormat="1" ht="27" customHeight="1" x14ac:dyDescent="0.15">
      <c r="A3233" s="13"/>
      <c r="B3233" s="14"/>
      <c r="C3233" s="13"/>
      <c r="D3233" s="14"/>
      <c r="E3233" s="14"/>
      <c r="F3233" s="16"/>
      <c r="G3233" s="2"/>
      <c r="H3233" s="2"/>
      <c r="I3233" s="2"/>
      <c r="J3233" s="2"/>
      <c r="K3233" s="2"/>
      <c r="L3233" s="2"/>
    </row>
    <row r="3234" spans="1:12" s="17" customFormat="1" ht="27" customHeight="1" x14ac:dyDescent="0.15">
      <c r="A3234" s="13"/>
      <c r="B3234" s="14"/>
      <c r="C3234" s="13"/>
      <c r="D3234" s="14"/>
      <c r="E3234" s="14"/>
      <c r="F3234" s="16"/>
      <c r="G3234" s="2"/>
      <c r="H3234" s="2"/>
      <c r="I3234" s="2"/>
      <c r="J3234" s="2"/>
      <c r="K3234" s="2"/>
      <c r="L3234" s="2"/>
    </row>
    <row r="3235" spans="1:12" s="17" customFormat="1" ht="27" customHeight="1" x14ac:dyDescent="0.15">
      <c r="A3235" s="13"/>
      <c r="B3235" s="14"/>
      <c r="C3235" s="13"/>
      <c r="D3235" s="14"/>
      <c r="E3235" s="14"/>
      <c r="F3235" s="16"/>
      <c r="G3235" s="2"/>
      <c r="H3235" s="2"/>
      <c r="I3235" s="2"/>
      <c r="J3235" s="2"/>
      <c r="K3235" s="2"/>
      <c r="L3235" s="2"/>
    </row>
    <row r="3236" spans="1:12" s="17" customFormat="1" ht="27" customHeight="1" x14ac:dyDescent="0.15">
      <c r="A3236" s="13"/>
      <c r="B3236" s="14"/>
      <c r="C3236" s="13"/>
      <c r="D3236" s="14"/>
      <c r="E3236" s="14"/>
      <c r="F3236" s="16"/>
      <c r="G3236" s="2"/>
      <c r="H3236" s="2"/>
      <c r="I3236" s="2"/>
      <c r="J3236" s="2"/>
      <c r="K3236" s="2"/>
      <c r="L3236" s="2"/>
    </row>
    <row r="3237" spans="1:12" s="17" customFormat="1" ht="27" customHeight="1" x14ac:dyDescent="0.15">
      <c r="A3237" s="13"/>
      <c r="B3237" s="14"/>
      <c r="C3237" s="13"/>
      <c r="D3237" s="14"/>
      <c r="E3237" s="14"/>
      <c r="F3237" s="16"/>
      <c r="G3237" s="2"/>
      <c r="H3237" s="2"/>
      <c r="I3237" s="2"/>
      <c r="J3237" s="2"/>
      <c r="K3237" s="2"/>
      <c r="L3237" s="2"/>
    </row>
    <row r="3238" spans="1:12" s="17" customFormat="1" ht="27" customHeight="1" x14ac:dyDescent="0.15">
      <c r="A3238" s="13"/>
      <c r="B3238" s="14"/>
      <c r="C3238" s="13"/>
      <c r="D3238" s="14"/>
      <c r="E3238" s="14"/>
      <c r="F3238" s="16"/>
      <c r="G3238" s="2"/>
      <c r="H3238" s="2"/>
      <c r="I3238" s="2"/>
      <c r="J3238" s="2"/>
      <c r="K3238" s="2"/>
      <c r="L3238" s="2"/>
    </row>
    <row r="3239" spans="1:12" s="17" customFormat="1" ht="27" customHeight="1" x14ac:dyDescent="0.15">
      <c r="A3239" s="13"/>
      <c r="B3239" s="14"/>
      <c r="C3239" s="13"/>
      <c r="D3239" s="14"/>
      <c r="E3239" s="14"/>
      <c r="F3239" s="16"/>
      <c r="G3239" s="2"/>
      <c r="H3239" s="2"/>
      <c r="I3239" s="2"/>
      <c r="J3239" s="2"/>
      <c r="K3239" s="2"/>
      <c r="L3239" s="2"/>
    </row>
    <row r="3240" spans="1:12" s="17" customFormat="1" ht="27" customHeight="1" x14ac:dyDescent="0.15">
      <c r="A3240" s="13"/>
      <c r="B3240" s="14"/>
      <c r="C3240" s="13"/>
      <c r="D3240" s="14"/>
      <c r="E3240" s="14"/>
      <c r="F3240" s="16"/>
      <c r="G3240" s="2"/>
      <c r="H3240" s="2"/>
      <c r="I3240" s="2"/>
      <c r="J3240" s="2"/>
      <c r="K3240" s="2"/>
      <c r="L3240" s="2"/>
    </row>
    <row r="3241" spans="1:12" s="17" customFormat="1" ht="27" customHeight="1" x14ac:dyDescent="0.15">
      <c r="A3241" s="13"/>
      <c r="B3241" s="14"/>
      <c r="C3241" s="13"/>
      <c r="D3241" s="14"/>
      <c r="E3241" s="14"/>
      <c r="F3241" s="16"/>
      <c r="G3241" s="2"/>
      <c r="H3241" s="2"/>
      <c r="I3241" s="2"/>
      <c r="J3241" s="2"/>
      <c r="K3241" s="2"/>
      <c r="L3241" s="2"/>
    </row>
    <row r="3242" spans="1:12" s="17" customFormat="1" ht="27" customHeight="1" x14ac:dyDescent="0.15">
      <c r="A3242" s="13"/>
      <c r="B3242" s="14"/>
      <c r="C3242" s="13"/>
      <c r="D3242" s="14"/>
      <c r="E3242" s="14"/>
      <c r="F3242" s="16"/>
      <c r="G3242" s="2"/>
      <c r="H3242" s="2"/>
      <c r="I3242" s="2"/>
      <c r="J3242" s="2"/>
      <c r="K3242" s="2"/>
      <c r="L3242" s="2"/>
    </row>
    <row r="3243" spans="1:12" s="17" customFormat="1" ht="27" customHeight="1" x14ac:dyDescent="0.15">
      <c r="A3243" s="13"/>
      <c r="B3243" s="14"/>
      <c r="C3243" s="13"/>
      <c r="D3243" s="14"/>
      <c r="E3243" s="14"/>
      <c r="F3243" s="16"/>
      <c r="G3243" s="2"/>
      <c r="H3243" s="2"/>
      <c r="I3243" s="2"/>
      <c r="J3243" s="2"/>
      <c r="K3243" s="2"/>
      <c r="L3243" s="2"/>
    </row>
    <row r="3244" spans="1:12" s="17" customFormat="1" ht="27" customHeight="1" x14ac:dyDescent="0.15">
      <c r="A3244" s="13"/>
      <c r="B3244" s="14"/>
      <c r="C3244" s="13"/>
      <c r="D3244" s="14"/>
      <c r="E3244" s="14"/>
      <c r="F3244" s="16"/>
      <c r="G3244" s="2"/>
      <c r="H3244" s="2"/>
      <c r="I3244" s="2"/>
      <c r="J3244" s="2"/>
      <c r="K3244" s="2"/>
      <c r="L3244" s="2"/>
    </row>
    <row r="3245" spans="1:12" s="17" customFormat="1" ht="27" customHeight="1" x14ac:dyDescent="0.15">
      <c r="A3245" s="13"/>
      <c r="B3245" s="14"/>
      <c r="C3245" s="13"/>
      <c r="D3245" s="14"/>
      <c r="E3245" s="14"/>
      <c r="F3245" s="16"/>
      <c r="G3245" s="2"/>
      <c r="H3245" s="2"/>
      <c r="I3245" s="2"/>
      <c r="J3245" s="2"/>
      <c r="K3245" s="2"/>
      <c r="L3245" s="2"/>
    </row>
    <row r="3246" spans="1:12" s="17" customFormat="1" ht="27" customHeight="1" x14ac:dyDescent="0.15">
      <c r="A3246" s="13"/>
      <c r="B3246" s="14"/>
      <c r="C3246" s="13"/>
      <c r="D3246" s="14"/>
      <c r="E3246" s="14"/>
      <c r="F3246" s="16"/>
      <c r="G3246" s="2"/>
      <c r="H3246" s="2"/>
      <c r="I3246" s="2"/>
      <c r="J3246" s="2"/>
      <c r="K3246" s="2"/>
      <c r="L3246" s="2"/>
    </row>
    <row r="3247" spans="1:12" s="17" customFormat="1" ht="27" customHeight="1" x14ac:dyDescent="0.15">
      <c r="A3247" s="13"/>
      <c r="B3247" s="14"/>
      <c r="C3247" s="13"/>
      <c r="D3247" s="14"/>
      <c r="E3247" s="14"/>
      <c r="F3247" s="16"/>
      <c r="G3247" s="2"/>
      <c r="H3247" s="2"/>
      <c r="I3247" s="2"/>
      <c r="J3247" s="2"/>
      <c r="K3247" s="2"/>
      <c r="L3247" s="2"/>
    </row>
    <row r="3248" spans="1:12" s="17" customFormat="1" ht="27" customHeight="1" x14ac:dyDescent="0.15">
      <c r="A3248" s="13"/>
      <c r="B3248" s="14"/>
      <c r="C3248" s="13"/>
      <c r="D3248" s="14"/>
      <c r="E3248" s="14"/>
      <c r="F3248" s="16"/>
      <c r="G3248" s="2"/>
      <c r="H3248" s="2"/>
      <c r="I3248" s="2"/>
      <c r="J3248" s="2"/>
      <c r="K3248" s="2"/>
      <c r="L3248" s="2"/>
    </row>
    <row r="3249" spans="1:12" s="17" customFormat="1" ht="27" customHeight="1" x14ac:dyDescent="0.15">
      <c r="A3249" s="13"/>
      <c r="B3249" s="14"/>
      <c r="C3249" s="13"/>
      <c r="D3249" s="14"/>
      <c r="E3249" s="14"/>
      <c r="F3249" s="16"/>
      <c r="G3249" s="2"/>
      <c r="H3249" s="2"/>
      <c r="I3249" s="2"/>
      <c r="J3249" s="2"/>
      <c r="K3249" s="2"/>
      <c r="L3249" s="2"/>
    </row>
    <row r="3250" spans="1:12" s="17" customFormat="1" ht="27" customHeight="1" x14ac:dyDescent="0.15">
      <c r="A3250" s="13"/>
      <c r="B3250" s="14"/>
      <c r="C3250" s="13"/>
      <c r="D3250" s="14"/>
      <c r="E3250" s="14"/>
      <c r="F3250" s="16"/>
      <c r="G3250" s="2"/>
      <c r="H3250" s="2"/>
      <c r="I3250" s="2"/>
      <c r="J3250" s="2"/>
      <c r="K3250" s="2"/>
      <c r="L3250" s="2"/>
    </row>
    <row r="3251" spans="1:12" s="17" customFormat="1" ht="27" customHeight="1" x14ac:dyDescent="0.15">
      <c r="A3251" s="13"/>
      <c r="B3251" s="14"/>
      <c r="C3251" s="13"/>
      <c r="D3251" s="14"/>
      <c r="E3251" s="14"/>
      <c r="F3251" s="16"/>
      <c r="G3251" s="2"/>
      <c r="H3251" s="2"/>
      <c r="I3251" s="2"/>
      <c r="J3251" s="2"/>
      <c r="K3251" s="2"/>
      <c r="L3251" s="2"/>
    </row>
    <row r="3252" spans="1:12" s="17" customFormat="1" ht="27" customHeight="1" x14ac:dyDescent="0.15">
      <c r="A3252" s="13"/>
      <c r="B3252" s="14"/>
      <c r="C3252" s="13"/>
      <c r="D3252" s="14"/>
      <c r="E3252" s="14"/>
      <c r="F3252" s="16"/>
      <c r="G3252" s="2"/>
      <c r="H3252" s="2"/>
      <c r="I3252" s="2"/>
      <c r="J3252" s="2"/>
      <c r="K3252" s="2"/>
      <c r="L3252" s="2"/>
    </row>
    <row r="3253" spans="1:12" s="17" customFormat="1" ht="27" customHeight="1" x14ac:dyDescent="0.15">
      <c r="A3253" s="13"/>
      <c r="B3253" s="14"/>
      <c r="C3253" s="13"/>
      <c r="D3253" s="14"/>
      <c r="E3253" s="14"/>
      <c r="F3253" s="16"/>
      <c r="G3253" s="2"/>
      <c r="H3253" s="2"/>
      <c r="I3253" s="2"/>
      <c r="J3253" s="2"/>
      <c r="K3253" s="2"/>
      <c r="L3253" s="2"/>
    </row>
    <row r="3254" spans="1:12" s="17" customFormat="1" ht="27" customHeight="1" x14ac:dyDescent="0.15">
      <c r="A3254" s="13"/>
      <c r="B3254" s="14"/>
      <c r="C3254" s="13"/>
      <c r="D3254" s="14"/>
      <c r="E3254" s="14"/>
      <c r="F3254" s="16"/>
      <c r="G3254" s="2"/>
      <c r="H3254" s="2"/>
      <c r="I3254" s="2"/>
      <c r="J3254" s="2"/>
      <c r="K3254" s="2"/>
      <c r="L3254" s="2"/>
    </row>
    <row r="3255" spans="1:12" s="17" customFormat="1" ht="27" customHeight="1" x14ac:dyDescent="0.15">
      <c r="A3255" s="13"/>
      <c r="B3255" s="14"/>
      <c r="C3255" s="13"/>
      <c r="D3255" s="14"/>
      <c r="E3255" s="14"/>
      <c r="F3255" s="16"/>
      <c r="G3255" s="2"/>
      <c r="H3255" s="2"/>
      <c r="I3255" s="2"/>
      <c r="J3255" s="2"/>
      <c r="K3255" s="2"/>
      <c r="L3255" s="2"/>
    </row>
    <row r="3256" spans="1:12" s="17" customFormat="1" ht="27" customHeight="1" x14ac:dyDescent="0.15">
      <c r="A3256" s="13"/>
      <c r="B3256" s="14"/>
      <c r="C3256" s="13"/>
      <c r="D3256" s="14"/>
      <c r="E3256" s="14"/>
      <c r="F3256" s="16"/>
      <c r="G3256" s="2"/>
      <c r="H3256" s="2"/>
      <c r="I3256" s="2"/>
      <c r="J3256" s="2"/>
      <c r="K3256" s="2"/>
      <c r="L3256" s="2"/>
    </row>
    <row r="3257" spans="1:12" s="17" customFormat="1" ht="27" customHeight="1" x14ac:dyDescent="0.15">
      <c r="A3257" s="13"/>
      <c r="B3257" s="14"/>
      <c r="C3257" s="13"/>
      <c r="D3257" s="14"/>
      <c r="E3257" s="14"/>
      <c r="F3257" s="16"/>
      <c r="G3257" s="2"/>
      <c r="H3257" s="2"/>
      <c r="I3257" s="2"/>
      <c r="J3257" s="2"/>
      <c r="K3257" s="2"/>
      <c r="L3257" s="2"/>
    </row>
    <row r="3258" spans="1:12" s="17" customFormat="1" ht="27" customHeight="1" x14ac:dyDescent="0.15">
      <c r="A3258" s="13"/>
      <c r="B3258" s="14"/>
      <c r="C3258" s="13"/>
      <c r="D3258" s="14"/>
      <c r="E3258" s="14"/>
      <c r="F3258" s="16"/>
      <c r="G3258" s="2"/>
      <c r="H3258" s="2"/>
      <c r="I3258" s="2"/>
      <c r="J3258" s="2"/>
      <c r="K3258" s="2"/>
      <c r="L3258" s="2"/>
    </row>
    <row r="3259" spans="1:12" s="17" customFormat="1" ht="27" customHeight="1" x14ac:dyDescent="0.15">
      <c r="A3259" s="13"/>
      <c r="B3259" s="14"/>
      <c r="C3259" s="13"/>
      <c r="D3259" s="14"/>
      <c r="E3259" s="14"/>
      <c r="F3259" s="16"/>
      <c r="G3259" s="2"/>
      <c r="H3259" s="2"/>
      <c r="I3259" s="2"/>
      <c r="J3259" s="2"/>
      <c r="K3259" s="2"/>
      <c r="L3259" s="2"/>
    </row>
    <row r="3260" spans="1:12" s="17" customFormat="1" ht="27" customHeight="1" x14ac:dyDescent="0.15">
      <c r="A3260" s="13"/>
      <c r="B3260" s="14"/>
      <c r="C3260" s="13"/>
      <c r="D3260" s="14"/>
      <c r="E3260" s="14"/>
      <c r="F3260" s="16"/>
      <c r="G3260" s="2"/>
      <c r="H3260" s="2"/>
      <c r="I3260" s="2"/>
      <c r="J3260" s="2"/>
      <c r="K3260" s="2"/>
      <c r="L3260" s="2"/>
    </row>
    <row r="3261" spans="1:12" s="17" customFormat="1" ht="27" customHeight="1" x14ac:dyDescent="0.15">
      <c r="A3261" s="13"/>
      <c r="B3261" s="14"/>
      <c r="C3261" s="13"/>
      <c r="D3261" s="14"/>
      <c r="E3261" s="14"/>
      <c r="F3261" s="16"/>
      <c r="G3261" s="2"/>
      <c r="H3261" s="2"/>
      <c r="I3261" s="2"/>
      <c r="J3261" s="2"/>
      <c r="K3261" s="2"/>
      <c r="L3261" s="2"/>
    </row>
    <row r="3262" spans="1:12" s="17" customFormat="1" ht="27" customHeight="1" x14ac:dyDescent="0.15">
      <c r="A3262" s="13"/>
      <c r="B3262" s="14"/>
      <c r="C3262" s="13"/>
      <c r="D3262" s="14"/>
      <c r="E3262" s="14"/>
      <c r="F3262" s="16"/>
      <c r="G3262" s="2"/>
      <c r="H3262" s="2"/>
      <c r="I3262" s="2"/>
      <c r="J3262" s="2"/>
      <c r="K3262" s="2"/>
      <c r="L3262" s="2"/>
    </row>
    <row r="3263" spans="1:12" s="17" customFormat="1" ht="27" customHeight="1" x14ac:dyDescent="0.15">
      <c r="A3263" s="13"/>
      <c r="B3263" s="14"/>
      <c r="C3263" s="13"/>
      <c r="D3263" s="14"/>
      <c r="E3263" s="14"/>
      <c r="F3263" s="16"/>
      <c r="G3263" s="2"/>
      <c r="H3263" s="2"/>
      <c r="I3263" s="2"/>
      <c r="J3263" s="2"/>
      <c r="K3263" s="2"/>
      <c r="L3263" s="2"/>
    </row>
    <row r="3264" spans="1:12" s="17" customFormat="1" ht="27" customHeight="1" x14ac:dyDescent="0.15">
      <c r="A3264" s="13"/>
      <c r="B3264" s="14"/>
      <c r="C3264" s="13"/>
      <c r="D3264" s="14"/>
      <c r="E3264" s="14"/>
      <c r="F3264" s="16"/>
      <c r="G3264" s="2"/>
      <c r="H3264" s="2"/>
      <c r="I3264" s="2"/>
      <c r="J3264" s="2"/>
      <c r="K3264" s="2"/>
      <c r="L3264" s="2"/>
    </row>
    <row r="3265" spans="1:12" s="17" customFormat="1" ht="27" customHeight="1" x14ac:dyDescent="0.15">
      <c r="A3265" s="13"/>
      <c r="B3265" s="14"/>
      <c r="C3265" s="13"/>
      <c r="D3265" s="14"/>
      <c r="E3265" s="14"/>
      <c r="F3265" s="16"/>
      <c r="G3265" s="2"/>
      <c r="H3265" s="2"/>
      <c r="I3265" s="2"/>
      <c r="J3265" s="2"/>
      <c r="K3265" s="2"/>
      <c r="L3265" s="2"/>
    </row>
    <row r="3266" spans="1:12" s="17" customFormat="1" ht="27" customHeight="1" x14ac:dyDescent="0.15">
      <c r="A3266" s="13"/>
      <c r="B3266" s="14"/>
      <c r="C3266" s="13"/>
      <c r="D3266" s="14"/>
      <c r="E3266" s="14"/>
      <c r="F3266" s="16"/>
      <c r="G3266" s="2"/>
      <c r="H3266" s="2"/>
      <c r="I3266" s="2"/>
      <c r="J3266" s="2"/>
      <c r="K3266" s="2"/>
      <c r="L3266" s="2"/>
    </row>
    <row r="3267" spans="1:12" s="17" customFormat="1" ht="27" customHeight="1" x14ac:dyDescent="0.15">
      <c r="A3267" s="13"/>
      <c r="B3267" s="14"/>
      <c r="C3267" s="13"/>
      <c r="D3267" s="14"/>
      <c r="E3267" s="14"/>
      <c r="F3267" s="16"/>
      <c r="G3267" s="2"/>
      <c r="H3267" s="2"/>
      <c r="I3267" s="2"/>
      <c r="J3267" s="2"/>
      <c r="K3267" s="2"/>
      <c r="L3267" s="2"/>
    </row>
    <row r="3268" spans="1:12" s="17" customFormat="1" ht="27" customHeight="1" x14ac:dyDescent="0.15">
      <c r="A3268" s="13"/>
      <c r="B3268" s="14"/>
      <c r="C3268" s="13"/>
      <c r="D3268" s="14"/>
      <c r="E3268" s="14"/>
      <c r="F3268" s="16"/>
      <c r="G3268" s="2"/>
      <c r="H3268" s="2"/>
      <c r="I3268" s="2"/>
      <c r="J3268" s="2"/>
      <c r="K3268" s="2"/>
      <c r="L3268" s="2"/>
    </row>
    <row r="3269" spans="1:12" s="17" customFormat="1" ht="27" customHeight="1" x14ac:dyDescent="0.15">
      <c r="A3269" s="13"/>
      <c r="B3269" s="14"/>
      <c r="C3269" s="13"/>
      <c r="D3269" s="14"/>
      <c r="E3269" s="14"/>
      <c r="F3269" s="16"/>
      <c r="G3269" s="2"/>
      <c r="H3269" s="2"/>
      <c r="I3269" s="2"/>
      <c r="J3269" s="2"/>
      <c r="K3269" s="2"/>
      <c r="L3269" s="2"/>
    </row>
    <row r="3270" spans="1:12" s="17" customFormat="1" ht="27" customHeight="1" x14ac:dyDescent="0.15">
      <c r="A3270" s="13"/>
      <c r="B3270" s="14"/>
      <c r="C3270" s="13"/>
      <c r="D3270" s="14"/>
      <c r="E3270" s="14"/>
      <c r="F3270" s="16"/>
      <c r="G3270" s="2"/>
      <c r="H3270" s="2"/>
      <c r="I3270" s="2"/>
      <c r="J3270" s="2"/>
      <c r="K3270" s="2"/>
      <c r="L3270" s="2"/>
    </row>
    <row r="3271" spans="1:12" s="17" customFormat="1" ht="27" customHeight="1" x14ac:dyDescent="0.15">
      <c r="A3271" s="13"/>
      <c r="B3271" s="14"/>
      <c r="C3271" s="13"/>
      <c r="D3271" s="14"/>
      <c r="E3271" s="14"/>
      <c r="F3271" s="16"/>
      <c r="G3271" s="2"/>
      <c r="H3271" s="2"/>
      <c r="I3271" s="2"/>
      <c r="J3271" s="2"/>
      <c r="K3271" s="2"/>
      <c r="L3271" s="2"/>
    </row>
    <row r="3272" spans="1:12" s="17" customFormat="1" ht="27" customHeight="1" x14ac:dyDescent="0.15">
      <c r="A3272" s="13"/>
      <c r="B3272" s="14"/>
      <c r="C3272" s="13"/>
      <c r="D3272" s="14"/>
      <c r="E3272" s="14"/>
      <c r="F3272" s="16"/>
      <c r="G3272" s="2"/>
      <c r="H3272" s="2"/>
      <c r="I3272" s="2"/>
      <c r="J3272" s="2"/>
      <c r="K3272" s="2"/>
      <c r="L3272" s="2"/>
    </row>
    <row r="3273" spans="1:12" s="17" customFormat="1" ht="27" customHeight="1" x14ac:dyDescent="0.15">
      <c r="A3273" s="13"/>
      <c r="B3273" s="14"/>
      <c r="C3273" s="13"/>
      <c r="D3273" s="14"/>
      <c r="E3273" s="14"/>
      <c r="F3273" s="16"/>
      <c r="G3273" s="2"/>
      <c r="H3273" s="2"/>
      <c r="I3273" s="2"/>
      <c r="J3273" s="2"/>
      <c r="K3273" s="2"/>
      <c r="L3273" s="2"/>
    </row>
    <row r="3274" spans="1:12" s="17" customFormat="1" ht="27" customHeight="1" x14ac:dyDescent="0.15">
      <c r="A3274" s="13"/>
      <c r="B3274" s="14"/>
      <c r="C3274" s="13"/>
      <c r="D3274" s="14"/>
      <c r="E3274" s="14"/>
      <c r="F3274" s="16"/>
      <c r="G3274" s="2"/>
      <c r="H3274" s="2"/>
      <c r="I3274" s="2"/>
      <c r="J3274" s="2"/>
      <c r="K3274" s="2"/>
      <c r="L3274" s="2"/>
    </row>
    <row r="3275" spans="1:12" s="17" customFormat="1" ht="27" customHeight="1" x14ac:dyDescent="0.15">
      <c r="A3275" s="13"/>
      <c r="B3275" s="14"/>
      <c r="C3275" s="13"/>
      <c r="D3275" s="14"/>
      <c r="E3275" s="14"/>
      <c r="F3275" s="16"/>
      <c r="G3275" s="2"/>
      <c r="H3275" s="2"/>
      <c r="I3275" s="2"/>
      <c r="J3275" s="2"/>
      <c r="K3275" s="2"/>
      <c r="L3275" s="2"/>
    </row>
    <row r="3276" spans="1:12" s="17" customFormat="1" ht="27" customHeight="1" x14ac:dyDescent="0.15">
      <c r="A3276" s="13"/>
      <c r="B3276" s="14"/>
      <c r="C3276" s="13"/>
      <c r="D3276" s="14"/>
      <c r="E3276" s="14"/>
      <c r="F3276" s="16"/>
      <c r="G3276" s="2"/>
      <c r="H3276" s="2"/>
      <c r="I3276" s="2"/>
      <c r="J3276" s="2"/>
      <c r="K3276" s="2"/>
      <c r="L3276" s="2"/>
    </row>
    <row r="3277" spans="1:12" s="17" customFormat="1" ht="27" customHeight="1" x14ac:dyDescent="0.15">
      <c r="A3277" s="13"/>
      <c r="B3277" s="14"/>
      <c r="C3277" s="13"/>
      <c r="D3277" s="14"/>
      <c r="E3277" s="14"/>
      <c r="F3277" s="16"/>
      <c r="G3277" s="2"/>
      <c r="H3277" s="2"/>
      <c r="I3277" s="2"/>
      <c r="J3277" s="2"/>
      <c r="K3277" s="2"/>
      <c r="L3277" s="2"/>
    </row>
    <row r="3278" spans="1:12" s="17" customFormat="1" ht="27" customHeight="1" x14ac:dyDescent="0.15">
      <c r="A3278" s="13"/>
      <c r="B3278" s="14"/>
      <c r="C3278" s="13"/>
      <c r="D3278" s="14"/>
      <c r="E3278" s="14"/>
      <c r="F3278" s="16"/>
      <c r="G3278" s="2"/>
      <c r="H3278" s="2"/>
      <c r="I3278" s="2"/>
      <c r="J3278" s="2"/>
      <c r="K3278" s="2"/>
      <c r="L3278" s="2"/>
    </row>
    <row r="3279" spans="1:12" s="17" customFormat="1" ht="27" customHeight="1" x14ac:dyDescent="0.15">
      <c r="A3279" s="13"/>
      <c r="B3279" s="14"/>
      <c r="C3279" s="13"/>
      <c r="D3279" s="14"/>
      <c r="E3279" s="14"/>
      <c r="F3279" s="16"/>
      <c r="G3279" s="2"/>
      <c r="H3279" s="2"/>
      <c r="I3279" s="2"/>
      <c r="J3279" s="2"/>
      <c r="K3279" s="2"/>
      <c r="L3279" s="2"/>
    </row>
    <row r="3280" spans="1:12" s="17" customFormat="1" ht="27" customHeight="1" x14ac:dyDescent="0.15">
      <c r="A3280" s="13"/>
      <c r="B3280" s="14"/>
      <c r="C3280" s="13"/>
      <c r="D3280" s="14"/>
      <c r="E3280" s="14"/>
      <c r="F3280" s="16"/>
      <c r="G3280" s="2"/>
      <c r="H3280" s="2"/>
      <c r="I3280" s="2"/>
      <c r="J3280" s="2"/>
      <c r="K3280" s="2"/>
      <c r="L3280" s="2"/>
    </row>
    <row r="3281" spans="1:12" s="17" customFormat="1" ht="27" customHeight="1" x14ac:dyDescent="0.15">
      <c r="A3281" s="13"/>
      <c r="B3281" s="14"/>
      <c r="C3281" s="13"/>
      <c r="D3281" s="14"/>
      <c r="E3281" s="14"/>
      <c r="F3281" s="16"/>
      <c r="G3281" s="2"/>
      <c r="H3281" s="2"/>
      <c r="I3281" s="2"/>
      <c r="J3281" s="2"/>
      <c r="K3281" s="2"/>
      <c r="L3281" s="2"/>
    </row>
    <row r="3282" spans="1:12" s="17" customFormat="1" ht="27" customHeight="1" x14ac:dyDescent="0.15">
      <c r="A3282" s="13"/>
      <c r="B3282" s="14"/>
      <c r="C3282" s="13"/>
      <c r="D3282" s="14"/>
      <c r="E3282" s="14"/>
      <c r="F3282" s="16"/>
      <c r="G3282" s="2"/>
      <c r="H3282" s="2"/>
      <c r="I3282" s="2"/>
      <c r="J3282" s="2"/>
      <c r="K3282" s="2"/>
      <c r="L3282" s="2"/>
    </row>
    <row r="3283" spans="1:12" s="17" customFormat="1" ht="27" customHeight="1" x14ac:dyDescent="0.15">
      <c r="A3283" s="13"/>
      <c r="B3283" s="14"/>
      <c r="C3283" s="13"/>
      <c r="D3283" s="14"/>
      <c r="E3283" s="14"/>
      <c r="F3283" s="16"/>
      <c r="G3283" s="2"/>
      <c r="H3283" s="2"/>
      <c r="I3283" s="2"/>
      <c r="J3283" s="2"/>
      <c r="K3283" s="2"/>
      <c r="L3283" s="2"/>
    </row>
    <row r="3284" spans="1:12" s="17" customFormat="1" ht="27" customHeight="1" x14ac:dyDescent="0.15">
      <c r="A3284" s="13"/>
      <c r="B3284" s="14"/>
      <c r="C3284" s="13"/>
      <c r="D3284" s="14"/>
      <c r="E3284" s="14"/>
      <c r="F3284" s="16"/>
      <c r="G3284" s="2"/>
      <c r="H3284" s="2"/>
      <c r="I3284" s="2"/>
      <c r="J3284" s="2"/>
      <c r="K3284" s="2"/>
      <c r="L3284" s="2"/>
    </row>
    <row r="3285" spans="1:12" s="17" customFormat="1" ht="27" customHeight="1" x14ac:dyDescent="0.15">
      <c r="A3285" s="13"/>
      <c r="B3285" s="14"/>
      <c r="C3285" s="13"/>
      <c r="D3285" s="14"/>
      <c r="E3285" s="14"/>
      <c r="F3285" s="16"/>
      <c r="G3285" s="2"/>
      <c r="H3285" s="2"/>
      <c r="I3285" s="2"/>
      <c r="J3285" s="2"/>
      <c r="K3285" s="2"/>
      <c r="L3285" s="2"/>
    </row>
    <row r="3286" spans="1:12" s="17" customFormat="1" ht="27" customHeight="1" x14ac:dyDescent="0.15">
      <c r="A3286" s="13"/>
      <c r="B3286" s="14"/>
      <c r="C3286" s="13"/>
      <c r="D3286" s="14"/>
      <c r="E3286" s="14"/>
      <c r="F3286" s="16"/>
      <c r="G3286" s="2"/>
      <c r="H3286" s="2"/>
      <c r="I3286" s="2"/>
      <c r="J3286" s="2"/>
      <c r="K3286" s="2"/>
      <c r="L3286" s="2"/>
    </row>
    <row r="3287" spans="1:12" s="17" customFormat="1" ht="27" customHeight="1" x14ac:dyDescent="0.15">
      <c r="A3287" s="13"/>
      <c r="B3287" s="14"/>
      <c r="C3287" s="13"/>
      <c r="D3287" s="14"/>
      <c r="E3287" s="14"/>
      <c r="F3287" s="16"/>
      <c r="G3287" s="2"/>
      <c r="H3287" s="2"/>
      <c r="I3287" s="2"/>
      <c r="J3287" s="2"/>
      <c r="K3287" s="2"/>
      <c r="L3287" s="2"/>
    </row>
    <row r="3288" spans="1:12" s="17" customFormat="1" ht="27" customHeight="1" x14ac:dyDescent="0.15">
      <c r="A3288" s="13"/>
      <c r="B3288" s="14"/>
      <c r="C3288" s="13"/>
      <c r="D3288" s="14"/>
      <c r="E3288" s="14"/>
      <c r="F3288" s="16"/>
      <c r="G3288" s="2"/>
      <c r="H3288" s="2"/>
      <c r="I3288" s="2"/>
      <c r="J3288" s="2"/>
      <c r="K3288" s="2"/>
      <c r="L3288" s="2"/>
    </row>
    <row r="3289" spans="1:12" s="17" customFormat="1" ht="27" customHeight="1" x14ac:dyDescent="0.15">
      <c r="A3289" s="13"/>
      <c r="B3289" s="14"/>
      <c r="C3289" s="13"/>
      <c r="D3289" s="14"/>
      <c r="E3289" s="14"/>
      <c r="F3289" s="16"/>
      <c r="G3289" s="2"/>
      <c r="H3289" s="2"/>
      <c r="I3289" s="2"/>
      <c r="J3289" s="2"/>
      <c r="K3289" s="2"/>
      <c r="L3289" s="2"/>
    </row>
    <row r="3290" spans="1:12" s="17" customFormat="1" ht="27" customHeight="1" x14ac:dyDescent="0.15">
      <c r="A3290" s="13"/>
      <c r="B3290" s="14"/>
      <c r="C3290" s="13"/>
      <c r="D3290" s="14"/>
      <c r="E3290" s="14"/>
      <c r="F3290" s="16"/>
      <c r="G3290" s="2"/>
      <c r="H3290" s="2"/>
      <c r="I3290" s="2"/>
      <c r="J3290" s="2"/>
      <c r="K3290" s="2"/>
      <c r="L3290" s="2"/>
    </row>
    <row r="3291" spans="1:12" s="17" customFormat="1" ht="27" customHeight="1" x14ac:dyDescent="0.15">
      <c r="A3291" s="13"/>
      <c r="B3291" s="14"/>
      <c r="C3291" s="13"/>
      <c r="D3291" s="14"/>
      <c r="E3291" s="14"/>
      <c r="F3291" s="16"/>
      <c r="G3291" s="2"/>
      <c r="H3291" s="2"/>
      <c r="I3291" s="2"/>
      <c r="J3291" s="2"/>
      <c r="K3291" s="2"/>
      <c r="L3291" s="2"/>
    </row>
    <row r="3292" spans="1:12" s="17" customFormat="1" ht="27" customHeight="1" x14ac:dyDescent="0.15">
      <c r="A3292" s="13"/>
      <c r="B3292" s="14"/>
      <c r="C3292" s="13"/>
      <c r="D3292" s="14"/>
      <c r="E3292" s="14"/>
      <c r="F3292" s="16"/>
      <c r="G3292" s="2"/>
      <c r="H3292" s="2"/>
      <c r="I3292" s="2"/>
      <c r="J3292" s="2"/>
      <c r="K3292" s="2"/>
      <c r="L3292" s="2"/>
    </row>
    <row r="3293" spans="1:12" s="17" customFormat="1" ht="27" customHeight="1" x14ac:dyDescent="0.15">
      <c r="A3293" s="13"/>
      <c r="B3293" s="14"/>
      <c r="C3293" s="13"/>
      <c r="D3293" s="14"/>
      <c r="E3293" s="14"/>
      <c r="F3293" s="16"/>
      <c r="G3293" s="2"/>
      <c r="H3293" s="2"/>
      <c r="I3293" s="2"/>
      <c r="J3293" s="2"/>
      <c r="K3293" s="2"/>
      <c r="L3293" s="2"/>
    </row>
    <row r="3294" spans="1:12" s="17" customFormat="1" ht="27" customHeight="1" x14ac:dyDescent="0.15">
      <c r="A3294" s="13"/>
      <c r="B3294" s="14"/>
      <c r="C3294" s="13"/>
      <c r="D3294" s="14"/>
      <c r="E3294" s="14"/>
      <c r="F3294" s="16"/>
      <c r="G3294" s="2"/>
      <c r="H3294" s="2"/>
      <c r="I3294" s="2"/>
      <c r="J3294" s="2"/>
      <c r="K3294" s="2"/>
      <c r="L3294" s="2"/>
    </row>
    <row r="3295" spans="1:12" s="17" customFormat="1" ht="27" customHeight="1" x14ac:dyDescent="0.15">
      <c r="A3295" s="13"/>
      <c r="B3295" s="14"/>
      <c r="C3295" s="13"/>
      <c r="D3295" s="14"/>
      <c r="E3295" s="14"/>
      <c r="F3295" s="16"/>
      <c r="G3295" s="2"/>
      <c r="H3295" s="2"/>
      <c r="I3295" s="2"/>
      <c r="J3295" s="2"/>
      <c r="K3295" s="2"/>
      <c r="L3295" s="2"/>
    </row>
    <row r="3296" spans="1:12" s="17" customFormat="1" ht="27" customHeight="1" x14ac:dyDescent="0.15">
      <c r="A3296" s="13"/>
      <c r="B3296" s="14"/>
      <c r="C3296" s="13"/>
      <c r="D3296" s="14"/>
      <c r="E3296" s="14"/>
      <c r="F3296" s="16"/>
      <c r="G3296" s="2"/>
      <c r="H3296" s="2"/>
      <c r="I3296" s="2"/>
      <c r="J3296" s="2"/>
      <c r="K3296" s="2"/>
      <c r="L3296" s="2"/>
    </row>
    <row r="3297" spans="1:12" s="17" customFormat="1" ht="27" customHeight="1" x14ac:dyDescent="0.15">
      <c r="A3297" s="13"/>
      <c r="B3297" s="14"/>
      <c r="C3297" s="13"/>
      <c r="D3297" s="14"/>
      <c r="E3297" s="14"/>
      <c r="F3297" s="16"/>
      <c r="G3297" s="2"/>
      <c r="H3297" s="2"/>
      <c r="I3297" s="2"/>
      <c r="J3297" s="2"/>
      <c r="K3297" s="2"/>
      <c r="L3297" s="2"/>
    </row>
    <row r="3298" spans="1:12" s="17" customFormat="1" ht="27" customHeight="1" x14ac:dyDescent="0.15">
      <c r="A3298" s="13"/>
      <c r="B3298" s="14"/>
      <c r="C3298" s="13"/>
      <c r="D3298" s="14"/>
      <c r="E3298" s="14"/>
      <c r="F3298" s="16"/>
      <c r="G3298" s="2"/>
      <c r="H3298" s="2"/>
      <c r="I3298" s="2"/>
      <c r="J3298" s="2"/>
      <c r="K3298" s="2"/>
      <c r="L3298" s="2"/>
    </row>
    <row r="3299" spans="1:12" s="17" customFormat="1" ht="27" customHeight="1" x14ac:dyDescent="0.15">
      <c r="A3299" s="13"/>
      <c r="B3299" s="14"/>
      <c r="C3299" s="13"/>
      <c r="D3299" s="14"/>
      <c r="E3299" s="14"/>
      <c r="F3299" s="16"/>
      <c r="G3299" s="2"/>
      <c r="H3299" s="2"/>
      <c r="I3299" s="2"/>
      <c r="J3299" s="2"/>
      <c r="K3299" s="2"/>
      <c r="L3299" s="2"/>
    </row>
    <row r="3300" spans="1:12" s="17" customFormat="1" ht="27" customHeight="1" x14ac:dyDescent="0.15">
      <c r="A3300" s="13"/>
      <c r="B3300" s="14"/>
      <c r="C3300" s="13"/>
      <c r="D3300" s="14"/>
      <c r="E3300" s="14"/>
      <c r="F3300" s="16"/>
      <c r="G3300" s="2"/>
      <c r="H3300" s="2"/>
      <c r="I3300" s="2"/>
      <c r="J3300" s="2"/>
      <c r="K3300" s="2"/>
      <c r="L3300" s="2"/>
    </row>
    <row r="3301" spans="1:12" s="17" customFormat="1" ht="27" customHeight="1" x14ac:dyDescent="0.15">
      <c r="A3301" s="13"/>
      <c r="B3301" s="14"/>
      <c r="C3301" s="13"/>
      <c r="D3301" s="14"/>
      <c r="E3301" s="14"/>
      <c r="F3301" s="16"/>
      <c r="G3301" s="2"/>
      <c r="H3301" s="2"/>
      <c r="I3301" s="2"/>
      <c r="J3301" s="2"/>
      <c r="K3301" s="2"/>
      <c r="L3301" s="2"/>
    </row>
    <row r="3302" spans="1:12" s="17" customFormat="1" ht="27" customHeight="1" x14ac:dyDescent="0.15">
      <c r="A3302" s="13"/>
      <c r="B3302" s="14"/>
      <c r="C3302" s="13"/>
      <c r="D3302" s="14"/>
      <c r="E3302" s="14"/>
      <c r="F3302" s="16"/>
      <c r="G3302" s="2"/>
      <c r="H3302" s="2"/>
      <c r="I3302" s="2"/>
      <c r="J3302" s="2"/>
      <c r="K3302" s="2"/>
      <c r="L3302" s="2"/>
    </row>
    <row r="3303" spans="1:12" s="17" customFormat="1" ht="27" customHeight="1" x14ac:dyDescent="0.15">
      <c r="A3303" s="13"/>
      <c r="B3303" s="14"/>
      <c r="C3303" s="13"/>
      <c r="D3303" s="14"/>
      <c r="E3303" s="14"/>
      <c r="F3303" s="16"/>
      <c r="G3303" s="2"/>
      <c r="H3303" s="2"/>
      <c r="I3303" s="2"/>
      <c r="J3303" s="2"/>
      <c r="K3303" s="2"/>
      <c r="L3303" s="2"/>
    </row>
    <row r="3304" spans="1:12" s="17" customFormat="1" ht="27" customHeight="1" x14ac:dyDescent="0.15">
      <c r="A3304" s="13"/>
      <c r="B3304" s="14"/>
      <c r="C3304" s="13"/>
      <c r="D3304" s="14"/>
      <c r="E3304" s="14"/>
      <c r="F3304" s="16"/>
      <c r="G3304" s="2"/>
      <c r="H3304" s="2"/>
      <c r="I3304" s="2"/>
      <c r="J3304" s="2"/>
      <c r="K3304" s="2"/>
      <c r="L3304" s="2"/>
    </row>
    <row r="3305" spans="1:12" s="17" customFormat="1" ht="27" customHeight="1" x14ac:dyDescent="0.15">
      <c r="A3305" s="13"/>
      <c r="B3305" s="14"/>
      <c r="C3305" s="13"/>
      <c r="D3305" s="14"/>
      <c r="E3305" s="14"/>
      <c r="F3305" s="16"/>
      <c r="G3305" s="2"/>
      <c r="H3305" s="2"/>
      <c r="I3305" s="2"/>
      <c r="J3305" s="2"/>
      <c r="K3305" s="2"/>
      <c r="L3305" s="2"/>
    </row>
    <row r="3306" spans="1:12" s="17" customFormat="1" ht="27" customHeight="1" x14ac:dyDescent="0.15">
      <c r="A3306" s="13"/>
      <c r="B3306" s="14"/>
      <c r="C3306" s="13"/>
      <c r="D3306" s="14"/>
      <c r="E3306" s="14"/>
      <c r="F3306" s="16"/>
      <c r="G3306" s="2"/>
      <c r="H3306" s="2"/>
      <c r="I3306" s="2"/>
      <c r="J3306" s="2"/>
      <c r="K3306" s="2"/>
      <c r="L3306" s="2"/>
    </row>
    <row r="3307" spans="1:12" s="17" customFormat="1" ht="27" customHeight="1" x14ac:dyDescent="0.15">
      <c r="A3307" s="13"/>
      <c r="B3307" s="14"/>
      <c r="C3307" s="13"/>
      <c r="D3307" s="14"/>
      <c r="E3307" s="14"/>
      <c r="F3307" s="16"/>
      <c r="G3307" s="2"/>
      <c r="H3307" s="2"/>
      <c r="I3307" s="2"/>
      <c r="J3307" s="2"/>
      <c r="K3307" s="2"/>
      <c r="L3307" s="2"/>
    </row>
    <row r="3308" spans="1:12" s="17" customFormat="1" ht="27" customHeight="1" x14ac:dyDescent="0.15">
      <c r="A3308" s="13"/>
      <c r="B3308" s="14"/>
      <c r="C3308" s="13"/>
      <c r="D3308" s="14"/>
      <c r="E3308" s="14"/>
      <c r="F3308" s="16"/>
      <c r="G3308" s="2"/>
      <c r="H3308" s="2"/>
      <c r="I3308" s="2"/>
      <c r="J3308" s="2"/>
      <c r="K3308" s="2"/>
      <c r="L3308" s="2"/>
    </row>
    <row r="3309" spans="1:12" s="17" customFormat="1" ht="27" customHeight="1" x14ac:dyDescent="0.15">
      <c r="A3309" s="13"/>
      <c r="B3309" s="14"/>
      <c r="C3309" s="13"/>
      <c r="D3309" s="14"/>
      <c r="E3309" s="14"/>
      <c r="F3309" s="16"/>
      <c r="G3309" s="2"/>
      <c r="H3309" s="2"/>
      <c r="I3309" s="2"/>
      <c r="J3309" s="2"/>
      <c r="K3309" s="2"/>
      <c r="L3309" s="2"/>
    </row>
    <row r="3310" spans="1:12" s="17" customFormat="1" ht="27" customHeight="1" x14ac:dyDescent="0.15">
      <c r="A3310" s="13"/>
      <c r="B3310" s="14"/>
      <c r="C3310" s="13"/>
      <c r="D3310" s="14"/>
      <c r="E3310" s="14"/>
      <c r="F3310" s="16"/>
      <c r="G3310" s="2"/>
      <c r="H3310" s="2"/>
      <c r="I3310" s="2"/>
      <c r="J3310" s="2"/>
      <c r="K3310" s="2"/>
      <c r="L3310" s="2"/>
    </row>
    <row r="3311" spans="1:12" s="17" customFormat="1" ht="27" customHeight="1" x14ac:dyDescent="0.15">
      <c r="A3311" s="13"/>
      <c r="B3311" s="14"/>
      <c r="C3311" s="13"/>
      <c r="D3311" s="14"/>
      <c r="E3311" s="14"/>
      <c r="F3311" s="16"/>
      <c r="G3311" s="2"/>
      <c r="H3311" s="2"/>
      <c r="I3311" s="2"/>
      <c r="J3311" s="2"/>
      <c r="K3311" s="2"/>
      <c r="L3311" s="2"/>
    </row>
    <row r="3312" spans="1:12" s="17" customFormat="1" ht="27" customHeight="1" x14ac:dyDescent="0.15">
      <c r="A3312" s="13"/>
      <c r="B3312" s="14"/>
      <c r="C3312" s="13"/>
      <c r="D3312" s="14"/>
      <c r="E3312" s="14"/>
      <c r="F3312" s="16"/>
      <c r="G3312" s="2"/>
      <c r="H3312" s="2"/>
      <c r="I3312" s="2"/>
      <c r="J3312" s="2"/>
      <c r="K3312" s="2"/>
      <c r="L3312" s="2"/>
    </row>
    <row r="3313" spans="1:12" s="17" customFormat="1" ht="27" customHeight="1" x14ac:dyDescent="0.15">
      <c r="A3313" s="13"/>
      <c r="B3313" s="14"/>
      <c r="C3313" s="13"/>
      <c r="D3313" s="14"/>
      <c r="E3313" s="14"/>
      <c r="F3313" s="16"/>
      <c r="G3313" s="2"/>
      <c r="H3313" s="2"/>
      <c r="I3313" s="2"/>
      <c r="J3313" s="2"/>
      <c r="K3313" s="2"/>
      <c r="L3313" s="2"/>
    </row>
    <row r="3314" spans="1:12" s="17" customFormat="1" ht="27" customHeight="1" x14ac:dyDescent="0.15">
      <c r="A3314" s="13"/>
      <c r="B3314" s="14"/>
      <c r="C3314" s="13"/>
      <c r="D3314" s="14"/>
      <c r="E3314" s="14"/>
      <c r="F3314" s="16"/>
      <c r="G3314" s="2"/>
      <c r="H3314" s="2"/>
      <c r="I3314" s="2"/>
      <c r="J3314" s="2"/>
      <c r="K3314" s="2"/>
      <c r="L3314" s="2"/>
    </row>
    <row r="3315" spans="1:12" s="17" customFormat="1" ht="27" customHeight="1" x14ac:dyDescent="0.15">
      <c r="A3315" s="13"/>
      <c r="B3315" s="14"/>
      <c r="C3315" s="13"/>
      <c r="D3315" s="14"/>
      <c r="E3315" s="14"/>
      <c r="F3315" s="16"/>
      <c r="G3315" s="2"/>
      <c r="H3315" s="2"/>
      <c r="I3315" s="2"/>
      <c r="J3315" s="2"/>
      <c r="K3315" s="2"/>
      <c r="L3315" s="2"/>
    </row>
    <row r="3316" spans="1:12" s="17" customFormat="1" ht="27" customHeight="1" x14ac:dyDescent="0.15">
      <c r="A3316" s="13"/>
      <c r="B3316" s="14"/>
      <c r="C3316" s="13"/>
      <c r="D3316" s="14"/>
      <c r="E3316" s="14"/>
      <c r="F3316" s="16"/>
      <c r="G3316" s="2"/>
      <c r="H3316" s="2"/>
      <c r="I3316" s="2"/>
      <c r="J3316" s="2"/>
      <c r="K3316" s="2"/>
      <c r="L3316" s="2"/>
    </row>
    <row r="3317" spans="1:12" s="17" customFormat="1" ht="27" customHeight="1" x14ac:dyDescent="0.15">
      <c r="A3317" s="13"/>
      <c r="B3317" s="14"/>
      <c r="C3317" s="13"/>
      <c r="D3317" s="14"/>
      <c r="E3317" s="14"/>
      <c r="F3317" s="16"/>
      <c r="G3317" s="2"/>
      <c r="H3317" s="2"/>
      <c r="I3317" s="2"/>
      <c r="J3317" s="2"/>
      <c r="K3317" s="2"/>
      <c r="L3317" s="2"/>
    </row>
    <row r="3318" spans="1:12" s="17" customFormat="1" ht="27" customHeight="1" x14ac:dyDescent="0.15">
      <c r="A3318" s="13"/>
      <c r="B3318" s="14"/>
      <c r="C3318" s="13"/>
      <c r="D3318" s="14"/>
      <c r="E3318" s="14"/>
      <c r="F3318" s="16"/>
      <c r="G3318" s="2"/>
      <c r="H3318" s="2"/>
      <c r="I3318" s="2"/>
      <c r="J3318" s="2"/>
      <c r="K3318" s="2"/>
      <c r="L3318" s="2"/>
    </row>
    <row r="3319" spans="1:12" s="17" customFormat="1" ht="27" customHeight="1" x14ac:dyDescent="0.15">
      <c r="A3319" s="13"/>
      <c r="B3319" s="14"/>
      <c r="C3319" s="13"/>
      <c r="D3319" s="14"/>
      <c r="E3319" s="14"/>
      <c r="F3319" s="16"/>
      <c r="G3319" s="2"/>
      <c r="H3319" s="2"/>
      <c r="I3319" s="2"/>
      <c r="J3319" s="2"/>
      <c r="K3319" s="2"/>
      <c r="L3319" s="2"/>
    </row>
    <row r="3320" spans="1:12" s="17" customFormat="1" ht="27" customHeight="1" x14ac:dyDescent="0.15">
      <c r="A3320" s="13"/>
      <c r="B3320" s="14"/>
      <c r="C3320" s="13"/>
      <c r="D3320" s="14"/>
      <c r="E3320" s="14"/>
      <c r="F3320" s="16"/>
      <c r="G3320" s="2"/>
      <c r="H3320" s="2"/>
      <c r="I3320" s="2"/>
      <c r="J3320" s="2"/>
      <c r="K3320" s="2"/>
      <c r="L3320" s="2"/>
    </row>
    <row r="3321" spans="1:12" s="17" customFormat="1" ht="27" customHeight="1" x14ac:dyDescent="0.15">
      <c r="A3321" s="13"/>
      <c r="B3321" s="14"/>
      <c r="C3321" s="13"/>
      <c r="D3321" s="14"/>
      <c r="E3321" s="14"/>
      <c r="F3321" s="16"/>
      <c r="G3321" s="2"/>
      <c r="H3321" s="2"/>
      <c r="I3321" s="2"/>
      <c r="J3321" s="2"/>
      <c r="K3321" s="2"/>
      <c r="L3321" s="2"/>
    </row>
    <row r="3322" spans="1:12" s="17" customFormat="1" ht="27" customHeight="1" x14ac:dyDescent="0.15">
      <c r="A3322" s="13"/>
      <c r="B3322" s="14"/>
      <c r="C3322" s="13"/>
      <c r="D3322" s="14"/>
      <c r="E3322" s="14"/>
      <c r="F3322" s="16"/>
      <c r="G3322" s="2"/>
      <c r="H3322" s="2"/>
      <c r="I3322" s="2"/>
      <c r="J3322" s="2"/>
      <c r="K3322" s="2"/>
      <c r="L3322" s="2"/>
    </row>
    <row r="3323" spans="1:12" s="17" customFormat="1" ht="27" customHeight="1" x14ac:dyDescent="0.15">
      <c r="A3323" s="13"/>
      <c r="B3323" s="14"/>
      <c r="C3323" s="13"/>
      <c r="D3323" s="14"/>
      <c r="E3323" s="14"/>
      <c r="F3323" s="16"/>
      <c r="G3323" s="2"/>
      <c r="H3323" s="2"/>
      <c r="I3323" s="2"/>
      <c r="J3323" s="2"/>
      <c r="K3323" s="2"/>
      <c r="L3323" s="2"/>
    </row>
    <row r="3324" spans="1:12" s="17" customFormat="1" ht="27" customHeight="1" x14ac:dyDescent="0.15">
      <c r="A3324" s="13"/>
      <c r="B3324" s="14"/>
      <c r="C3324" s="13"/>
      <c r="D3324" s="14"/>
      <c r="E3324" s="14"/>
      <c r="F3324" s="16"/>
      <c r="G3324" s="2"/>
      <c r="H3324" s="2"/>
      <c r="I3324" s="2"/>
      <c r="J3324" s="2"/>
      <c r="K3324" s="2"/>
      <c r="L3324" s="2"/>
    </row>
    <row r="3325" spans="1:12" s="17" customFormat="1" ht="27" customHeight="1" x14ac:dyDescent="0.15">
      <c r="A3325" s="13"/>
      <c r="B3325" s="14"/>
      <c r="C3325" s="13"/>
      <c r="D3325" s="14"/>
      <c r="E3325" s="14"/>
      <c r="F3325" s="16"/>
      <c r="G3325" s="2"/>
      <c r="H3325" s="2"/>
      <c r="I3325" s="2"/>
      <c r="J3325" s="2"/>
      <c r="K3325" s="2"/>
      <c r="L3325" s="2"/>
    </row>
    <row r="3326" spans="1:12" s="17" customFormat="1" ht="27" customHeight="1" x14ac:dyDescent="0.15">
      <c r="A3326" s="13"/>
      <c r="B3326" s="14"/>
      <c r="C3326" s="13"/>
      <c r="D3326" s="14"/>
      <c r="E3326" s="14"/>
      <c r="F3326" s="16"/>
      <c r="G3326" s="2"/>
      <c r="H3326" s="2"/>
      <c r="I3326" s="2"/>
      <c r="J3326" s="2"/>
      <c r="K3326" s="2"/>
      <c r="L3326" s="2"/>
    </row>
    <row r="3327" spans="1:12" s="17" customFormat="1" ht="27" customHeight="1" x14ac:dyDescent="0.15">
      <c r="A3327" s="13"/>
      <c r="B3327" s="14"/>
      <c r="C3327" s="13"/>
      <c r="D3327" s="14"/>
      <c r="E3327" s="14"/>
      <c r="F3327" s="16"/>
      <c r="G3327" s="2"/>
      <c r="H3327" s="2"/>
      <c r="I3327" s="2"/>
      <c r="J3327" s="2"/>
      <c r="K3327" s="2"/>
      <c r="L3327" s="2"/>
    </row>
    <row r="3328" spans="1:12" s="17" customFormat="1" ht="27" customHeight="1" x14ac:dyDescent="0.15">
      <c r="A3328" s="13"/>
      <c r="B3328" s="14"/>
      <c r="C3328" s="13"/>
      <c r="D3328" s="14"/>
      <c r="E3328" s="14"/>
      <c r="F3328" s="16"/>
      <c r="G3328" s="2"/>
      <c r="H3328" s="2"/>
      <c r="I3328" s="2"/>
      <c r="J3328" s="2"/>
      <c r="K3328" s="2"/>
      <c r="L3328" s="2"/>
    </row>
    <row r="3329" spans="1:12" s="17" customFormat="1" ht="27" customHeight="1" x14ac:dyDescent="0.15">
      <c r="A3329" s="13"/>
      <c r="B3329" s="14"/>
      <c r="C3329" s="13"/>
      <c r="D3329" s="14"/>
      <c r="E3329" s="14"/>
      <c r="F3329" s="16"/>
      <c r="G3329" s="2"/>
      <c r="H3329" s="2"/>
      <c r="I3329" s="2"/>
      <c r="J3329" s="2"/>
      <c r="K3329" s="2"/>
      <c r="L3329" s="2"/>
    </row>
    <row r="3330" spans="1:12" s="17" customFormat="1" ht="27" customHeight="1" x14ac:dyDescent="0.15">
      <c r="A3330" s="13"/>
      <c r="B3330" s="14"/>
      <c r="C3330" s="13"/>
      <c r="D3330" s="14"/>
      <c r="E3330" s="14"/>
      <c r="F3330" s="16"/>
      <c r="G3330" s="2"/>
      <c r="H3330" s="2"/>
      <c r="I3330" s="2"/>
      <c r="J3330" s="2"/>
      <c r="K3330" s="2"/>
      <c r="L3330" s="2"/>
    </row>
    <row r="3331" spans="1:12" s="17" customFormat="1" ht="27" customHeight="1" x14ac:dyDescent="0.15">
      <c r="A3331" s="13"/>
      <c r="B3331" s="14"/>
      <c r="C3331" s="13"/>
      <c r="D3331" s="14"/>
      <c r="E3331" s="14"/>
      <c r="F3331" s="16"/>
      <c r="G3331" s="2"/>
      <c r="H3331" s="2"/>
      <c r="I3331" s="2"/>
      <c r="J3331" s="2"/>
      <c r="K3331" s="2"/>
      <c r="L3331" s="2"/>
    </row>
    <row r="3332" spans="1:12" s="17" customFormat="1" ht="27" customHeight="1" x14ac:dyDescent="0.15">
      <c r="A3332" s="13"/>
      <c r="B3332" s="14"/>
      <c r="C3332" s="13"/>
      <c r="D3332" s="14"/>
      <c r="E3332" s="14"/>
      <c r="F3332" s="16"/>
      <c r="G3332" s="2"/>
      <c r="H3332" s="2"/>
      <c r="I3332" s="2"/>
      <c r="J3332" s="2"/>
      <c r="K3332" s="2"/>
      <c r="L3332" s="2"/>
    </row>
    <row r="3333" spans="1:12" s="17" customFormat="1" ht="27" customHeight="1" x14ac:dyDescent="0.15">
      <c r="A3333" s="13"/>
      <c r="B3333" s="14"/>
      <c r="C3333" s="13"/>
      <c r="D3333" s="14"/>
      <c r="E3333" s="14"/>
      <c r="F3333" s="16"/>
      <c r="G3333" s="2"/>
      <c r="H3333" s="2"/>
      <c r="I3333" s="2"/>
      <c r="J3333" s="2"/>
      <c r="K3333" s="2"/>
      <c r="L3333" s="2"/>
    </row>
    <row r="3334" spans="1:12" s="17" customFormat="1" ht="27" customHeight="1" x14ac:dyDescent="0.15">
      <c r="A3334" s="13"/>
      <c r="B3334" s="14"/>
      <c r="C3334" s="13"/>
      <c r="D3334" s="14"/>
      <c r="E3334" s="14"/>
      <c r="F3334" s="16"/>
      <c r="G3334" s="2"/>
      <c r="H3334" s="2"/>
      <c r="I3334" s="2"/>
      <c r="J3334" s="2"/>
      <c r="K3334" s="2"/>
      <c r="L3334" s="2"/>
    </row>
    <row r="3335" spans="1:12" s="17" customFormat="1" ht="27" customHeight="1" x14ac:dyDescent="0.15">
      <c r="A3335" s="13"/>
      <c r="B3335" s="14"/>
      <c r="C3335" s="13"/>
      <c r="D3335" s="14"/>
      <c r="E3335" s="14"/>
      <c r="F3335" s="16"/>
      <c r="G3335" s="2"/>
      <c r="H3335" s="2"/>
      <c r="I3335" s="2"/>
      <c r="J3335" s="2"/>
      <c r="K3335" s="2"/>
      <c r="L3335" s="2"/>
    </row>
    <row r="3336" spans="1:12" s="17" customFormat="1" ht="27" customHeight="1" x14ac:dyDescent="0.15">
      <c r="A3336" s="13"/>
      <c r="B3336" s="14"/>
      <c r="C3336" s="13"/>
      <c r="D3336" s="14"/>
      <c r="E3336" s="14"/>
      <c r="F3336" s="16"/>
      <c r="G3336" s="2"/>
      <c r="H3336" s="2"/>
      <c r="I3336" s="2"/>
      <c r="J3336" s="2"/>
      <c r="K3336" s="2"/>
      <c r="L3336" s="2"/>
    </row>
    <row r="3337" spans="1:12" s="17" customFormat="1" ht="27" customHeight="1" x14ac:dyDescent="0.15">
      <c r="A3337" s="13"/>
      <c r="B3337" s="14"/>
      <c r="C3337" s="13"/>
      <c r="D3337" s="14"/>
      <c r="E3337" s="14"/>
      <c r="F3337" s="16"/>
      <c r="G3337" s="2"/>
      <c r="H3337" s="2"/>
      <c r="I3337" s="2"/>
      <c r="J3337" s="2"/>
      <c r="K3337" s="2"/>
      <c r="L3337" s="2"/>
    </row>
    <row r="3338" spans="1:12" s="17" customFormat="1" ht="27" customHeight="1" x14ac:dyDescent="0.15">
      <c r="A3338" s="13"/>
      <c r="B3338" s="14"/>
      <c r="C3338" s="13"/>
      <c r="D3338" s="14"/>
      <c r="E3338" s="14"/>
      <c r="F3338" s="16"/>
      <c r="G3338" s="2"/>
      <c r="H3338" s="2"/>
      <c r="I3338" s="2"/>
      <c r="J3338" s="2"/>
      <c r="K3338" s="2"/>
      <c r="L3338" s="2"/>
    </row>
    <row r="3339" spans="1:12" s="17" customFormat="1" ht="27" customHeight="1" x14ac:dyDescent="0.15">
      <c r="A3339" s="13"/>
      <c r="B3339" s="14"/>
      <c r="C3339" s="13"/>
      <c r="D3339" s="14"/>
      <c r="E3339" s="14"/>
      <c r="F3339" s="16"/>
      <c r="G3339" s="2"/>
      <c r="H3339" s="2"/>
      <c r="I3339" s="2"/>
      <c r="J3339" s="2"/>
      <c r="K3339" s="2"/>
      <c r="L3339" s="2"/>
    </row>
    <row r="3340" spans="1:12" s="17" customFormat="1" ht="27" customHeight="1" x14ac:dyDescent="0.15">
      <c r="A3340" s="13"/>
      <c r="B3340" s="14"/>
      <c r="C3340" s="13"/>
      <c r="D3340" s="14"/>
      <c r="E3340" s="14"/>
      <c r="F3340" s="16"/>
      <c r="G3340" s="2"/>
      <c r="H3340" s="2"/>
      <c r="I3340" s="2"/>
      <c r="J3340" s="2"/>
      <c r="K3340" s="2"/>
      <c r="L3340" s="2"/>
    </row>
    <row r="3341" spans="1:12" s="17" customFormat="1" ht="27" customHeight="1" x14ac:dyDescent="0.15">
      <c r="A3341" s="13"/>
      <c r="B3341" s="14"/>
      <c r="C3341" s="13"/>
      <c r="D3341" s="14"/>
      <c r="E3341" s="14"/>
      <c r="F3341" s="16"/>
      <c r="G3341" s="2"/>
      <c r="H3341" s="2"/>
      <c r="I3341" s="2"/>
      <c r="J3341" s="2"/>
      <c r="K3341" s="2"/>
      <c r="L3341" s="2"/>
    </row>
    <row r="3342" spans="1:12" s="17" customFormat="1" ht="27" customHeight="1" x14ac:dyDescent="0.15">
      <c r="A3342" s="13"/>
      <c r="B3342" s="14"/>
      <c r="C3342" s="13"/>
      <c r="D3342" s="14"/>
      <c r="E3342" s="14"/>
      <c r="F3342" s="16"/>
      <c r="G3342" s="2"/>
      <c r="H3342" s="2"/>
      <c r="I3342" s="2"/>
      <c r="J3342" s="2"/>
      <c r="K3342" s="2"/>
      <c r="L3342" s="2"/>
    </row>
    <row r="3343" spans="1:12" s="17" customFormat="1" ht="27" customHeight="1" x14ac:dyDescent="0.15">
      <c r="A3343" s="13"/>
      <c r="B3343" s="14"/>
      <c r="C3343" s="13"/>
      <c r="D3343" s="14"/>
      <c r="E3343" s="14"/>
      <c r="F3343" s="16"/>
      <c r="G3343" s="2"/>
      <c r="H3343" s="2"/>
      <c r="I3343" s="2"/>
      <c r="J3343" s="2"/>
      <c r="K3343" s="2"/>
      <c r="L3343" s="2"/>
    </row>
    <row r="3344" spans="1:12" s="17" customFormat="1" ht="27" customHeight="1" x14ac:dyDescent="0.15">
      <c r="A3344" s="13"/>
      <c r="B3344" s="14"/>
      <c r="C3344" s="13"/>
      <c r="D3344" s="14"/>
      <c r="E3344" s="14"/>
      <c r="F3344" s="16"/>
      <c r="G3344" s="2"/>
      <c r="H3344" s="2"/>
      <c r="I3344" s="2"/>
      <c r="J3344" s="2"/>
      <c r="K3344" s="2"/>
      <c r="L3344" s="2"/>
    </row>
    <row r="3345" spans="1:12" s="17" customFormat="1" ht="27" customHeight="1" x14ac:dyDescent="0.15">
      <c r="A3345" s="13"/>
      <c r="B3345" s="14"/>
      <c r="C3345" s="13"/>
      <c r="D3345" s="14"/>
      <c r="E3345" s="14"/>
      <c r="F3345" s="16"/>
      <c r="G3345" s="2"/>
      <c r="H3345" s="2"/>
      <c r="I3345" s="2"/>
      <c r="J3345" s="2"/>
      <c r="K3345" s="2"/>
      <c r="L3345" s="2"/>
    </row>
    <row r="3346" spans="1:12" s="17" customFormat="1" ht="27" customHeight="1" x14ac:dyDescent="0.15">
      <c r="A3346" s="13"/>
      <c r="B3346" s="14"/>
      <c r="C3346" s="13"/>
      <c r="D3346" s="14"/>
      <c r="E3346" s="14"/>
      <c r="F3346" s="16"/>
      <c r="G3346" s="2"/>
      <c r="H3346" s="2"/>
      <c r="I3346" s="2"/>
      <c r="J3346" s="2"/>
      <c r="K3346" s="2"/>
      <c r="L3346" s="2"/>
    </row>
    <row r="3347" spans="1:12" s="17" customFormat="1" ht="27" customHeight="1" x14ac:dyDescent="0.15">
      <c r="A3347" s="13"/>
      <c r="B3347" s="14"/>
      <c r="C3347" s="13"/>
      <c r="D3347" s="14"/>
      <c r="E3347" s="14"/>
      <c r="F3347" s="16"/>
      <c r="G3347" s="2"/>
      <c r="H3347" s="2"/>
      <c r="I3347" s="2"/>
      <c r="J3347" s="2"/>
      <c r="K3347" s="2"/>
      <c r="L3347" s="2"/>
    </row>
    <row r="3348" spans="1:12" s="17" customFormat="1" ht="27" customHeight="1" x14ac:dyDescent="0.15">
      <c r="A3348" s="13"/>
      <c r="B3348" s="14"/>
      <c r="C3348" s="13"/>
      <c r="D3348" s="14"/>
      <c r="E3348" s="14"/>
      <c r="F3348" s="16"/>
      <c r="G3348" s="2"/>
      <c r="H3348" s="2"/>
      <c r="I3348" s="2"/>
      <c r="J3348" s="2"/>
      <c r="K3348" s="2"/>
      <c r="L3348" s="2"/>
    </row>
    <row r="3349" spans="1:12" s="17" customFormat="1" ht="27" customHeight="1" x14ac:dyDescent="0.15">
      <c r="A3349" s="13"/>
      <c r="B3349" s="14"/>
      <c r="C3349" s="13"/>
      <c r="D3349" s="14"/>
      <c r="E3349" s="14"/>
      <c r="F3349" s="16"/>
      <c r="G3349" s="2"/>
      <c r="H3349" s="2"/>
      <c r="I3349" s="2"/>
      <c r="J3349" s="2"/>
      <c r="K3349" s="2"/>
      <c r="L3349" s="2"/>
    </row>
    <row r="3350" spans="1:12" s="17" customFormat="1" ht="27" customHeight="1" x14ac:dyDescent="0.15">
      <c r="A3350" s="13"/>
      <c r="B3350" s="14"/>
      <c r="C3350" s="13"/>
      <c r="D3350" s="14"/>
      <c r="E3350" s="14"/>
      <c r="F3350" s="16"/>
      <c r="G3350" s="2"/>
      <c r="H3350" s="2"/>
      <c r="I3350" s="2"/>
      <c r="J3350" s="2"/>
      <c r="K3350" s="2"/>
      <c r="L3350" s="2"/>
    </row>
    <row r="3351" spans="1:12" s="17" customFormat="1" ht="27" customHeight="1" x14ac:dyDescent="0.15">
      <c r="A3351" s="13"/>
      <c r="B3351" s="14"/>
      <c r="C3351" s="13"/>
      <c r="D3351" s="14"/>
      <c r="E3351" s="14"/>
      <c r="F3351" s="16"/>
      <c r="G3351" s="2"/>
      <c r="H3351" s="2"/>
      <c r="I3351" s="2"/>
      <c r="J3351" s="2"/>
      <c r="K3351" s="2"/>
      <c r="L3351" s="2"/>
    </row>
    <row r="3352" spans="1:12" s="17" customFormat="1" ht="27" customHeight="1" x14ac:dyDescent="0.15">
      <c r="A3352" s="13"/>
      <c r="B3352" s="14"/>
      <c r="C3352" s="13"/>
      <c r="D3352" s="14"/>
      <c r="E3352" s="14"/>
      <c r="F3352" s="16"/>
      <c r="G3352" s="2"/>
      <c r="H3352" s="2"/>
      <c r="I3352" s="2"/>
      <c r="J3352" s="2"/>
      <c r="K3352" s="2"/>
      <c r="L3352" s="2"/>
    </row>
    <row r="3353" spans="1:12" s="17" customFormat="1" ht="27" customHeight="1" x14ac:dyDescent="0.15">
      <c r="A3353" s="13"/>
      <c r="B3353" s="14"/>
      <c r="C3353" s="13"/>
      <c r="D3353" s="14"/>
      <c r="E3353" s="14"/>
      <c r="F3353" s="16"/>
      <c r="G3353" s="2"/>
      <c r="H3353" s="2"/>
      <c r="I3353" s="2"/>
      <c r="J3353" s="2"/>
      <c r="K3353" s="2"/>
      <c r="L3353" s="2"/>
    </row>
    <row r="3354" spans="1:12" s="17" customFormat="1" ht="27" customHeight="1" x14ac:dyDescent="0.15">
      <c r="A3354" s="13"/>
      <c r="B3354" s="14"/>
      <c r="C3354" s="13"/>
      <c r="D3354" s="14"/>
      <c r="E3354" s="14"/>
      <c r="F3354" s="16"/>
      <c r="G3354" s="2"/>
      <c r="H3354" s="2"/>
      <c r="I3354" s="2"/>
      <c r="J3354" s="2"/>
      <c r="K3354" s="2"/>
      <c r="L3354" s="2"/>
    </row>
    <row r="3355" spans="1:12" s="17" customFormat="1" ht="27" customHeight="1" x14ac:dyDescent="0.15">
      <c r="A3355" s="13"/>
      <c r="B3355" s="14"/>
      <c r="C3355" s="13"/>
      <c r="D3355" s="14"/>
      <c r="E3355" s="14"/>
      <c r="F3355" s="16"/>
      <c r="G3355" s="2"/>
      <c r="H3355" s="2"/>
      <c r="I3355" s="2"/>
      <c r="J3355" s="2"/>
      <c r="K3355" s="2"/>
      <c r="L3355" s="2"/>
    </row>
    <row r="3356" spans="1:12" s="17" customFormat="1" ht="27" customHeight="1" x14ac:dyDescent="0.15">
      <c r="A3356" s="13"/>
      <c r="B3356" s="14"/>
      <c r="C3356" s="13"/>
      <c r="D3356" s="14"/>
      <c r="E3356" s="14"/>
      <c r="F3356" s="16"/>
      <c r="G3356" s="2"/>
      <c r="H3356" s="2"/>
      <c r="I3356" s="2"/>
      <c r="J3356" s="2"/>
      <c r="K3356" s="2"/>
      <c r="L3356" s="2"/>
    </row>
    <row r="3357" spans="1:12" s="17" customFormat="1" ht="27" customHeight="1" x14ac:dyDescent="0.15">
      <c r="A3357" s="13"/>
      <c r="B3357" s="14"/>
      <c r="C3357" s="13"/>
      <c r="D3357" s="14"/>
      <c r="E3357" s="14"/>
      <c r="F3357" s="16"/>
      <c r="G3357" s="2"/>
      <c r="H3357" s="2"/>
      <c r="I3357" s="2"/>
      <c r="J3357" s="2"/>
      <c r="K3357" s="2"/>
      <c r="L3357" s="2"/>
    </row>
    <row r="3358" spans="1:12" s="17" customFormat="1" ht="27" customHeight="1" x14ac:dyDescent="0.15">
      <c r="A3358" s="13"/>
      <c r="B3358" s="14"/>
      <c r="C3358" s="13"/>
      <c r="D3358" s="14"/>
      <c r="E3358" s="14"/>
      <c r="F3358" s="16"/>
      <c r="G3358" s="2"/>
      <c r="H3358" s="2"/>
      <c r="I3358" s="2"/>
      <c r="J3358" s="2"/>
      <c r="K3358" s="2"/>
      <c r="L3358" s="2"/>
    </row>
    <row r="3359" spans="1:12" s="17" customFormat="1" ht="27" customHeight="1" x14ac:dyDescent="0.15">
      <c r="A3359" s="13"/>
      <c r="B3359" s="14"/>
      <c r="C3359" s="13"/>
      <c r="D3359" s="14"/>
      <c r="E3359" s="14"/>
      <c r="F3359" s="16"/>
      <c r="G3359" s="2"/>
      <c r="H3359" s="2"/>
      <c r="I3359" s="2"/>
      <c r="J3359" s="2"/>
      <c r="K3359" s="2"/>
      <c r="L3359" s="2"/>
    </row>
    <row r="3360" spans="1:12" s="17" customFormat="1" ht="27" customHeight="1" x14ac:dyDescent="0.15">
      <c r="A3360" s="13"/>
      <c r="B3360" s="14"/>
      <c r="C3360" s="13"/>
      <c r="D3360" s="14"/>
      <c r="E3360" s="14"/>
      <c r="F3360" s="16"/>
      <c r="G3360" s="2"/>
      <c r="H3360" s="2"/>
      <c r="I3360" s="2"/>
      <c r="J3360" s="2"/>
      <c r="K3360" s="2"/>
      <c r="L3360" s="2"/>
    </row>
    <row r="3361" spans="1:12" s="17" customFormat="1" ht="27" customHeight="1" x14ac:dyDescent="0.15">
      <c r="A3361" s="13"/>
      <c r="B3361" s="14"/>
      <c r="C3361" s="13"/>
      <c r="D3361" s="14"/>
      <c r="E3361" s="14"/>
      <c r="F3361" s="16"/>
      <c r="G3361" s="2"/>
      <c r="H3361" s="2"/>
      <c r="I3361" s="2"/>
      <c r="J3361" s="2"/>
      <c r="K3361" s="2"/>
      <c r="L3361" s="2"/>
    </row>
    <row r="3362" spans="1:12" s="17" customFormat="1" ht="27" customHeight="1" x14ac:dyDescent="0.15">
      <c r="A3362" s="13"/>
      <c r="B3362" s="14"/>
      <c r="C3362" s="13"/>
      <c r="D3362" s="14"/>
      <c r="E3362" s="14"/>
      <c r="F3362" s="16"/>
      <c r="G3362" s="2"/>
      <c r="H3362" s="2"/>
      <c r="I3362" s="2"/>
      <c r="J3362" s="2"/>
      <c r="K3362" s="2"/>
      <c r="L3362" s="2"/>
    </row>
    <row r="3363" spans="1:12" s="17" customFormat="1" ht="27" customHeight="1" x14ac:dyDescent="0.15">
      <c r="A3363" s="13"/>
      <c r="B3363" s="14"/>
      <c r="C3363" s="13"/>
      <c r="D3363" s="14"/>
      <c r="E3363" s="14"/>
      <c r="F3363" s="16"/>
      <c r="G3363" s="2"/>
      <c r="H3363" s="2"/>
      <c r="I3363" s="2"/>
      <c r="J3363" s="2"/>
      <c r="K3363" s="2"/>
      <c r="L3363" s="2"/>
    </row>
    <row r="3364" spans="1:12" s="17" customFormat="1" ht="27" customHeight="1" x14ac:dyDescent="0.15">
      <c r="A3364" s="13"/>
      <c r="B3364" s="14"/>
      <c r="C3364" s="13"/>
      <c r="D3364" s="14"/>
      <c r="E3364" s="14"/>
      <c r="F3364" s="16"/>
      <c r="G3364" s="2"/>
      <c r="H3364" s="2"/>
      <c r="I3364" s="2"/>
      <c r="J3364" s="2"/>
      <c r="K3364" s="2"/>
      <c r="L3364" s="2"/>
    </row>
    <row r="3365" spans="1:12" s="17" customFormat="1" ht="27" customHeight="1" x14ac:dyDescent="0.15">
      <c r="A3365" s="13"/>
      <c r="B3365" s="14"/>
      <c r="C3365" s="13"/>
      <c r="D3365" s="14"/>
      <c r="E3365" s="14"/>
      <c r="F3365" s="16"/>
      <c r="G3365" s="2"/>
      <c r="H3365" s="2"/>
      <c r="I3365" s="2"/>
      <c r="J3365" s="2"/>
      <c r="K3365" s="2"/>
      <c r="L3365" s="2"/>
    </row>
    <row r="3366" spans="1:12" s="17" customFormat="1" ht="27" customHeight="1" x14ac:dyDescent="0.15">
      <c r="A3366" s="13"/>
      <c r="B3366" s="14"/>
      <c r="C3366" s="13"/>
      <c r="D3366" s="14"/>
      <c r="E3366" s="14"/>
      <c r="F3366" s="16"/>
      <c r="G3366" s="2"/>
      <c r="H3366" s="2"/>
      <c r="I3366" s="2"/>
      <c r="J3366" s="2"/>
      <c r="K3366" s="2"/>
      <c r="L3366" s="2"/>
    </row>
    <row r="3367" spans="1:12" s="17" customFormat="1" ht="27" customHeight="1" x14ac:dyDescent="0.15">
      <c r="A3367" s="13"/>
      <c r="B3367" s="14"/>
      <c r="C3367" s="13"/>
      <c r="D3367" s="14"/>
      <c r="E3367" s="14"/>
      <c r="F3367" s="16"/>
      <c r="G3367" s="2"/>
      <c r="H3367" s="2"/>
      <c r="I3367" s="2"/>
      <c r="J3367" s="2"/>
      <c r="K3367" s="2"/>
      <c r="L3367" s="2"/>
    </row>
    <row r="3368" spans="1:12" s="17" customFormat="1" ht="27" customHeight="1" x14ac:dyDescent="0.15">
      <c r="A3368" s="13"/>
      <c r="B3368" s="14"/>
      <c r="C3368" s="13"/>
      <c r="D3368" s="14"/>
      <c r="E3368" s="14"/>
      <c r="F3368" s="16"/>
      <c r="G3368" s="2"/>
      <c r="H3368" s="2"/>
      <c r="I3368" s="2"/>
      <c r="J3368" s="2"/>
      <c r="K3368" s="2"/>
      <c r="L3368" s="2"/>
    </row>
    <row r="3369" spans="1:12" s="17" customFormat="1" ht="27" customHeight="1" x14ac:dyDescent="0.15">
      <c r="A3369" s="13"/>
      <c r="B3369" s="14"/>
      <c r="C3369" s="13"/>
      <c r="D3369" s="14"/>
      <c r="E3369" s="14"/>
      <c r="F3369" s="16"/>
      <c r="G3369" s="2"/>
      <c r="H3369" s="2"/>
      <c r="I3369" s="2"/>
      <c r="J3369" s="2"/>
      <c r="K3369" s="2"/>
      <c r="L3369" s="2"/>
    </row>
    <row r="3370" spans="1:12" s="17" customFormat="1" ht="27" customHeight="1" x14ac:dyDescent="0.15">
      <c r="A3370" s="13"/>
      <c r="B3370" s="14"/>
      <c r="C3370" s="13"/>
      <c r="D3370" s="14"/>
      <c r="E3370" s="14"/>
      <c r="F3370" s="16"/>
      <c r="G3370" s="2"/>
      <c r="H3370" s="2"/>
      <c r="I3370" s="2"/>
      <c r="J3370" s="2"/>
      <c r="K3370" s="2"/>
      <c r="L3370" s="2"/>
    </row>
    <row r="3371" spans="1:12" s="17" customFormat="1" ht="27" customHeight="1" x14ac:dyDescent="0.15">
      <c r="A3371" s="13"/>
      <c r="B3371" s="14"/>
      <c r="C3371" s="13"/>
      <c r="D3371" s="14"/>
      <c r="E3371" s="14"/>
      <c r="F3371" s="16"/>
      <c r="G3371" s="2"/>
      <c r="H3371" s="2"/>
      <c r="I3371" s="2"/>
      <c r="J3371" s="2"/>
      <c r="K3371" s="2"/>
      <c r="L3371" s="2"/>
    </row>
    <row r="3372" spans="1:12" s="17" customFormat="1" ht="27" customHeight="1" x14ac:dyDescent="0.15">
      <c r="A3372" s="13"/>
      <c r="B3372" s="14"/>
      <c r="C3372" s="13"/>
      <c r="D3372" s="14"/>
      <c r="E3372" s="14"/>
      <c r="F3372" s="16"/>
      <c r="G3372" s="2"/>
      <c r="H3372" s="2"/>
      <c r="I3372" s="2"/>
      <c r="J3372" s="2"/>
      <c r="K3372" s="2"/>
      <c r="L3372" s="2"/>
    </row>
    <row r="3373" spans="1:12" s="17" customFormat="1" ht="27" customHeight="1" x14ac:dyDescent="0.15">
      <c r="A3373" s="13"/>
      <c r="B3373" s="14"/>
      <c r="C3373" s="13"/>
      <c r="D3373" s="14"/>
      <c r="E3373" s="14"/>
      <c r="F3373" s="16"/>
      <c r="G3373" s="2"/>
      <c r="H3373" s="2"/>
      <c r="I3373" s="2"/>
      <c r="J3373" s="2"/>
      <c r="K3373" s="2"/>
      <c r="L3373" s="2"/>
    </row>
    <row r="3374" spans="1:12" s="17" customFormat="1" ht="27" customHeight="1" x14ac:dyDescent="0.15">
      <c r="A3374" s="13"/>
      <c r="B3374" s="14"/>
      <c r="C3374" s="13"/>
      <c r="D3374" s="14"/>
      <c r="E3374" s="14"/>
      <c r="F3374" s="16"/>
      <c r="G3374" s="2"/>
      <c r="H3374" s="2"/>
      <c r="I3374" s="2"/>
      <c r="J3374" s="2"/>
      <c r="K3374" s="2"/>
      <c r="L3374" s="2"/>
    </row>
    <row r="3375" spans="1:12" s="17" customFormat="1" ht="27" customHeight="1" x14ac:dyDescent="0.15">
      <c r="A3375" s="13"/>
      <c r="B3375" s="14"/>
      <c r="C3375" s="13"/>
      <c r="D3375" s="14"/>
      <c r="E3375" s="14"/>
      <c r="F3375" s="16"/>
      <c r="G3375" s="2"/>
      <c r="H3375" s="2"/>
      <c r="I3375" s="2"/>
      <c r="J3375" s="2"/>
      <c r="K3375" s="2"/>
      <c r="L3375" s="2"/>
    </row>
    <row r="3376" spans="1:12" s="17" customFormat="1" ht="27" customHeight="1" x14ac:dyDescent="0.15">
      <c r="A3376" s="13"/>
      <c r="B3376" s="14"/>
      <c r="C3376" s="13"/>
      <c r="D3376" s="14"/>
      <c r="E3376" s="14"/>
      <c r="F3376" s="16"/>
      <c r="G3376" s="2"/>
      <c r="H3376" s="2"/>
      <c r="I3376" s="2"/>
      <c r="J3376" s="2"/>
      <c r="K3376" s="2"/>
      <c r="L3376" s="2"/>
    </row>
    <row r="3377" spans="1:12" s="17" customFormat="1" ht="27" customHeight="1" x14ac:dyDescent="0.15">
      <c r="A3377" s="13"/>
      <c r="B3377" s="14"/>
      <c r="C3377" s="13"/>
      <c r="D3377" s="14"/>
      <c r="E3377" s="14"/>
      <c r="F3377" s="16"/>
      <c r="G3377" s="2"/>
      <c r="H3377" s="2"/>
      <c r="I3377" s="2"/>
      <c r="J3377" s="2"/>
      <c r="K3377" s="2"/>
      <c r="L3377" s="2"/>
    </row>
    <row r="3378" spans="1:12" s="17" customFormat="1" ht="27" customHeight="1" x14ac:dyDescent="0.15">
      <c r="A3378" s="13"/>
      <c r="B3378" s="14"/>
      <c r="C3378" s="13"/>
      <c r="D3378" s="14"/>
      <c r="E3378" s="14"/>
      <c r="F3378" s="16"/>
      <c r="G3378" s="2"/>
      <c r="H3378" s="2"/>
      <c r="I3378" s="2"/>
      <c r="J3378" s="2"/>
      <c r="K3378" s="2"/>
      <c r="L3378" s="2"/>
    </row>
    <row r="3379" spans="1:12" s="17" customFormat="1" ht="27" customHeight="1" x14ac:dyDescent="0.15">
      <c r="A3379" s="13"/>
      <c r="B3379" s="14"/>
      <c r="C3379" s="13"/>
      <c r="D3379" s="14"/>
      <c r="E3379" s="14"/>
      <c r="F3379" s="16"/>
      <c r="G3379" s="2"/>
      <c r="H3379" s="2"/>
      <c r="I3379" s="2"/>
      <c r="J3379" s="2"/>
      <c r="K3379" s="2"/>
      <c r="L3379" s="2"/>
    </row>
    <row r="3380" spans="1:12" s="17" customFormat="1" ht="27" customHeight="1" x14ac:dyDescent="0.15">
      <c r="A3380" s="13"/>
      <c r="B3380" s="14"/>
      <c r="C3380" s="13"/>
      <c r="D3380" s="14"/>
      <c r="E3380" s="14"/>
      <c r="F3380" s="16"/>
      <c r="G3380" s="2"/>
      <c r="H3380" s="2"/>
      <c r="I3380" s="2"/>
      <c r="J3380" s="2"/>
      <c r="K3380" s="2"/>
      <c r="L3380" s="2"/>
    </row>
    <row r="3381" spans="1:12" s="17" customFormat="1" ht="27" customHeight="1" x14ac:dyDescent="0.15">
      <c r="A3381" s="13"/>
      <c r="B3381" s="14"/>
      <c r="C3381" s="13"/>
      <c r="D3381" s="14"/>
      <c r="E3381" s="14"/>
      <c r="F3381" s="16"/>
      <c r="G3381" s="2"/>
      <c r="H3381" s="2"/>
      <c r="I3381" s="2"/>
      <c r="J3381" s="2"/>
      <c r="K3381" s="2"/>
      <c r="L3381" s="2"/>
    </row>
    <row r="3382" spans="1:12" s="17" customFormat="1" ht="27" customHeight="1" x14ac:dyDescent="0.15">
      <c r="A3382" s="13"/>
      <c r="B3382" s="14"/>
      <c r="C3382" s="13"/>
      <c r="D3382" s="14"/>
      <c r="E3382" s="14"/>
      <c r="F3382" s="16"/>
      <c r="G3382" s="2"/>
      <c r="H3382" s="2"/>
      <c r="I3382" s="2"/>
      <c r="J3382" s="2"/>
      <c r="K3382" s="2"/>
      <c r="L3382" s="2"/>
    </row>
    <row r="3383" spans="1:12" s="17" customFormat="1" ht="27" customHeight="1" x14ac:dyDescent="0.15">
      <c r="A3383" s="13"/>
      <c r="B3383" s="14"/>
      <c r="C3383" s="13"/>
      <c r="D3383" s="14"/>
      <c r="E3383" s="14"/>
      <c r="F3383" s="16"/>
      <c r="G3383" s="2"/>
      <c r="H3383" s="2"/>
      <c r="I3383" s="2"/>
      <c r="J3383" s="2"/>
      <c r="K3383" s="2"/>
      <c r="L3383" s="2"/>
    </row>
    <row r="3384" spans="1:12" s="17" customFormat="1" ht="27" customHeight="1" x14ac:dyDescent="0.15">
      <c r="A3384" s="13"/>
      <c r="B3384" s="14"/>
      <c r="C3384" s="13"/>
      <c r="D3384" s="14"/>
      <c r="E3384" s="14"/>
      <c r="F3384" s="16"/>
      <c r="G3384" s="2"/>
      <c r="H3384" s="2"/>
      <c r="I3384" s="2"/>
      <c r="J3384" s="2"/>
      <c r="K3384" s="2"/>
      <c r="L3384" s="2"/>
    </row>
    <row r="3385" spans="1:12" s="17" customFormat="1" ht="27" customHeight="1" x14ac:dyDescent="0.15">
      <c r="A3385" s="13"/>
      <c r="B3385" s="14"/>
      <c r="C3385" s="13"/>
      <c r="D3385" s="14"/>
      <c r="E3385" s="14"/>
      <c r="F3385" s="16"/>
      <c r="G3385" s="2"/>
      <c r="H3385" s="2"/>
      <c r="I3385" s="2"/>
      <c r="J3385" s="2"/>
      <c r="K3385" s="2"/>
      <c r="L3385" s="2"/>
    </row>
    <row r="3386" spans="1:12" s="17" customFormat="1" ht="27" customHeight="1" x14ac:dyDescent="0.15">
      <c r="A3386" s="13"/>
      <c r="B3386" s="14"/>
      <c r="C3386" s="13"/>
      <c r="D3386" s="14"/>
      <c r="E3386" s="14"/>
      <c r="F3386" s="16"/>
      <c r="G3386" s="2"/>
      <c r="H3386" s="2"/>
      <c r="I3386" s="2"/>
      <c r="J3386" s="2"/>
      <c r="K3386" s="2"/>
      <c r="L3386" s="2"/>
    </row>
    <row r="3387" spans="1:12" s="17" customFormat="1" ht="27" customHeight="1" x14ac:dyDescent="0.15">
      <c r="A3387" s="13"/>
      <c r="B3387" s="14"/>
      <c r="C3387" s="13"/>
      <c r="D3387" s="14"/>
      <c r="E3387" s="14"/>
      <c r="F3387" s="16"/>
      <c r="G3387" s="2"/>
      <c r="H3387" s="2"/>
      <c r="I3387" s="2"/>
      <c r="J3387" s="2"/>
      <c r="K3387" s="2"/>
      <c r="L3387" s="2"/>
    </row>
    <row r="3388" spans="1:12" s="17" customFormat="1" ht="27" customHeight="1" x14ac:dyDescent="0.15">
      <c r="A3388" s="13"/>
      <c r="B3388" s="14"/>
      <c r="C3388" s="13"/>
      <c r="D3388" s="14"/>
      <c r="E3388" s="14"/>
      <c r="F3388" s="16"/>
      <c r="G3388" s="2"/>
      <c r="H3388" s="2"/>
      <c r="I3388" s="2"/>
      <c r="J3388" s="2"/>
      <c r="K3388" s="2"/>
      <c r="L3388" s="2"/>
    </row>
    <row r="3389" spans="1:12" s="17" customFormat="1" ht="27" customHeight="1" x14ac:dyDescent="0.15">
      <c r="A3389" s="13"/>
      <c r="B3389" s="14"/>
      <c r="C3389" s="13"/>
      <c r="D3389" s="14"/>
      <c r="E3389" s="14"/>
      <c r="F3389" s="16"/>
      <c r="G3389" s="2"/>
      <c r="H3389" s="2"/>
      <c r="I3389" s="2"/>
      <c r="J3389" s="2"/>
      <c r="K3389" s="2"/>
      <c r="L3389" s="2"/>
    </row>
    <row r="3390" spans="1:12" s="17" customFormat="1" ht="27" customHeight="1" x14ac:dyDescent="0.15">
      <c r="A3390" s="13"/>
      <c r="B3390" s="14"/>
      <c r="C3390" s="13"/>
      <c r="D3390" s="14"/>
      <c r="E3390" s="14"/>
      <c r="F3390" s="16"/>
      <c r="G3390" s="2"/>
      <c r="H3390" s="2"/>
      <c r="I3390" s="2"/>
      <c r="J3390" s="2"/>
      <c r="K3390" s="2"/>
      <c r="L3390" s="2"/>
    </row>
    <row r="3391" spans="1:12" s="17" customFormat="1" ht="27" customHeight="1" x14ac:dyDescent="0.15">
      <c r="A3391" s="13"/>
      <c r="B3391" s="14"/>
      <c r="C3391" s="13"/>
      <c r="D3391" s="14"/>
      <c r="E3391" s="14"/>
      <c r="F3391" s="16"/>
      <c r="G3391" s="2"/>
      <c r="H3391" s="2"/>
      <c r="I3391" s="2"/>
      <c r="J3391" s="2"/>
      <c r="K3391" s="2"/>
      <c r="L3391" s="2"/>
    </row>
    <row r="3392" spans="1:12" s="17" customFormat="1" ht="27" customHeight="1" x14ac:dyDescent="0.15">
      <c r="A3392" s="13"/>
      <c r="B3392" s="14"/>
      <c r="C3392" s="13"/>
      <c r="D3392" s="14"/>
      <c r="E3392" s="14"/>
      <c r="F3392" s="16"/>
      <c r="G3392" s="2"/>
      <c r="H3392" s="2"/>
      <c r="I3392" s="2"/>
      <c r="J3392" s="2"/>
      <c r="K3392" s="2"/>
      <c r="L3392" s="2"/>
    </row>
    <row r="3393" spans="1:12" s="17" customFormat="1" ht="27" customHeight="1" x14ac:dyDescent="0.15">
      <c r="A3393" s="13"/>
      <c r="B3393" s="14"/>
      <c r="C3393" s="13"/>
      <c r="D3393" s="14"/>
      <c r="E3393" s="14"/>
      <c r="F3393" s="16"/>
      <c r="G3393" s="2"/>
      <c r="H3393" s="2"/>
      <c r="I3393" s="2"/>
      <c r="J3393" s="2"/>
      <c r="K3393" s="2"/>
      <c r="L3393" s="2"/>
    </row>
    <row r="3394" spans="1:12" s="17" customFormat="1" ht="27" customHeight="1" x14ac:dyDescent="0.15">
      <c r="A3394" s="13"/>
      <c r="B3394" s="14"/>
      <c r="C3394" s="13"/>
      <c r="D3394" s="14"/>
      <c r="E3394" s="14"/>
      <c r="F3394" s="16"/>
      <c r="G3394" s="2"/>
      <c r="H3394" s="2"/>
      <c r="I3394" s="2"/>
      <c r="J3394" s="2"/>
      <c r="K3394" s="2"/>
      <c r="L3394" s="2"/>
    </row>
    <row r="3395" spans="1:12" s="17" customFormat="1" ht="27" customHeight="1" x14ac:dyDescent="0.15">
      <c r="A3395" s="13"/>
      <c r="B3395" s="14"/>
      <c r="C3395" s="13"/>
      <c r="D3395" s="14"/>
      <c r="E3395" s="14"/>
      <c r="F3395" s="16"/>
      <c r="G3395" s="2"/>
      <c r="H3395" s="2"/>
      <c r="I3395" s="2"/>
      <c r="J3395" s="2"/>
      <c r="K3395" s="2"/>
      <c r="L3395" s="2"/>
    </row>
    <row r="3396" spans="1:12" s="17" customFormat="1" ht="27" customHeight="1" x14ac:dyDescent="0.15">
      <c r="A3396" s="13"/>
      <c r="B3396" s="14"/>
      <c r="C3396" s="13"/>
      <c r="D3396" s="14"/>
      <c r="E3396" s="14"/>
      <c r="F3396" s="16"/>
      <c r="G3396" s="2"/>
      <c r="H3396" s="2"/>
      <c r="I3396" s="2"/>
      <c r="J3396" s="2"/>
      <c r="K3396" s="2"/>
      <c r="L3396" s="2"/>
    </row>
    <row r="3397" spans="1:12" s="17" customFormat="1" ht="27" customHeight="1" x14ac:dyDescent="0.15">
      <c r="A3397" s="13"/>
      <c r="B3397" s="14"/>
      <c r="C3397" s="13"/>
      <c r="D3397" s="14"/>
      <c r="E3397" s="14"/>
      <c r="F3397" s="16"/>
      <c r="G3397" s="2"/>
      <c r="H3397" s="2"/>
      <c r="I3397" s="2"/>
      <c r="J3397" s="2"/>
      <c r="K3397" s="2"/>
      <c r="L3397" s="2"/>
    </row>
    <row r="3398" spans="1:12" s="17" customFormat="1" ht="27" customHeight="1" x14ac:dyDescent="0.15">
      <c r="A3398" s="13"/>
      <c r="B3398" s="14"/>
      <c r="C3398" s="13"/>
      <c r="D3398" s="14"/>
      <c r="E3398" s="14"/>
      <c r="F3398" s="16"/>
      <c r="G3398" s="2"/>
      <c r="H3398" s="2"/>
      <c r="I3398" s="2"/>
      <c r="J3398" s="2"/>
      <c r="K3398" s="2"/>
      <c r="L3398" s="2"/>
    </row>
    <row r="3399" spans="1:12" s="17" customFormat="1" ht="27" customHeight="1" x14ac:dyDescent="0.15">
      <c r="A3399" s="13"/>
      <c r="B3399" s="14"/>
      <c r="C3399" s="13"/>
      <c r="D3399" s="14"/>
      <c r="E3399" s="14"/>
      <c r="F3399" s="16"/>
      <c r="G3399" s="2"/>
      <c r="H3399" s="2"/>
      <c r="I3399" s="2"/>
      <c r="J3399" s="2"/>
      <c r="K3399" s="2"/>
      <c r="L3399" s="2"/>
    </row>
    <row r="3400" spans="1:12" s="17" customFormat="1" ht="27" customHeight="1" x14ac:dyDescent="0.15">
      <c r="A3400" s="13"/>
      <c r="B3400" s="14"/>
      <c r="C3400" s="13"/>
      <c r="D3400" s="14"/>
      <c r="E3400" s="14"/>
      <c r="F3400" s="16"/>
      <c r="G3400" s="2"/>
      <c r="H3400" s="2"/>
      <c r="I3400" s="2"/>
      <c r="J3400" s="2"/>
      <c r="K3400" s="2"/>
      <c r="L3400" s="2"/>
    </row>
    <row r="3401" spans="1:12" s="17" customFormat="1" ht="27" customHeight="1" x14ac:dyDescent="0.15">
      <c r="A3401" s="13"/>
      <c r="B3401" s="14"/>
      <c r="C3401" s="13"/>
      <c r="D3401" s="14"/>
      <c r="E3401" s="14"/>
      <c r="F3401" s="16"/>
      <c r="G3401" s="2"/>
      <c r="H3401" s="2"/>
      <c r="I3401" s="2"/>
      <c r="J3401" s="2"/>
      <c r="K3401" s="2"/>
      <c r="L3401" s="2"/>
    </row>
    <row r="3402" spans="1:12" s="17" customFormat="1" ht="27" customHeight="1" x14ac:dyDescent="0.15">
      <c r="A3402" s="13"/>
      <c r="B3402" s="14"/>
      <c r="C3402" s="13"/>
      <c r="D3402" s="14"/>
      <c r="E3402" s="14"/>
      <c r="F3402" s="16"/>
      <c r="G3402" s="2"/>
      <c r="H3402" s="2"/>
      <c r="I3402" s="2"/>
      <c r="J3402" s="2"/>
      <c r="K3402" s="2"/>
      <c r="L3402" s="2"/>
    </row>
    <row r="3403" spans="1:12" s="17" customFormat="1" ht="27" customHeight="1" x14ac:dyDescent="0.15">
      <c r="A3403" s="13"/>
      <c r="B3403" s="14"/>
      <c r="C3403" s="13"/>
      <c r="D3403" s="14"/>
      <c r="E3403" s="14"/>
      <c r="F3403" s="16"/>
      <c r="G3403" s="2"/>
      <c r="H3403" s="2"/>
      <c r="I3403" s="2"/>
      <c r="J3403" s="2"/>
      <c r="K3403" s="2"/>
      <c r="L3403" s="2"/>
    </row>
    <row r="3404" spans="1:12" s="17" customFormat="1" ht="27" customHeight="1" x14ac:dyDescent="0.15">
      <c r="A3404" s="13"/>
      <c r="B3404" s="14"/>
      <c r="C3404" s="13"/>
      <c r="D3404" s="14"/>
      <c r="E3404" s="14"/>
      <c r="F3404" s="16"/>
      <c r="G3404" s="2"/>
      <c r="H3404" s="2"/>
      <c r="I3404" s="2"/>
      <c r="J3404" s="2"/>
      <c r="K3404" s="2"/>
      <c r="L3404" s="2"/>
    </row>
    <row r="3405" spans="1:12" s="17" customFormat="1" ht="27" customHeight="1" x14ac:dyDescent="0.15">
      <c r="A3405" s="13"/>
      <c r="B3405" s="14"/>
      <c r="C3405" s="13"/>
      <c r="D3405" s="14"/>
      <c r="E3405" s="14"/>
      <c r="F3405" s="16"/>
      <c r="G3405" s="2"/>
      <c r="H3405" s="2"/>
      <c r="I3405" s="2"/>
      <c r="J3405" s="2"/>
      <c r="K3405" s="2"/>
      <c r="L3405" s="2"/>
    </row>
    <row r="3406" spans="1:12" s="17" customFormat="1" ht="27" customHeight="1" x14ac:dyDescent="0.15">
      <c r="A3406" s="13"/>
      <c r="B3406" s="14"/>
      <c r="C3406" s="13"/>
      <c r="D3406" s="14"/>
      <c r="E3406" s="14"/>
      <c r="F3406" s="16"/>
      <c r="G3406" s="2"/>
      <c r="H3406" s="2"/>
      <c r="I3406" s="2"/>
      <c r="J3406" s="2"/>
      <c r="K3406" s="2"/>
      <c r="L3406" s="2"/>
    </row>
    <row r="3407" spans="1:12" s="17" customFormat="1" ht="27" customHeight="1" x14ac:dyDescent="0.15">
      <c r="A3407" s="13"/>
      <c r="B3407" s="14"/>
      <c r="C3407" s="13"/>
      <c r="D3407" s="14"/>
      <c r="E3407" s="14"/>
      <c r="F3407" s="16"/>
      <c r="G3407" s="2"/>
      <c r="H3407" s="2"/>
      <c r="I3407" s="2"/>
      <c r="J3407" s="2"/>
      <c r="K3407" s="2"/>
      <c r="L3407" s="2"/>
    </row>
    <row r="3408" spans="1:12" s="17" customFormat="1" ht="27" customHeight="1" x14ac:dyDescent="0.15">
      <c r="A3408" s="13"/>
      <c r="B3408" s="14"/>
      <c r="C3408" s="13"/>
      <c r="D3408" s="14"/>
      <c r="E3408" s="14"/>
      <c r="F3408" s="16"/>
      <c r="G3408" s="2"/>
      <c r="H3408" s="2"/>
      <c r="I3408" s="2"/>
      <c r="J3408" s="2"/>
      <c r="K3408" s="2"/>
      <c r="L3408" s="2"/>
    </row>
    <row r="3409" spans="1:12" s="17" customFormat="1" ht="27" customHeight="1" x14ac:dyDescent="0.15">
      <c r="A3409" s="13"/>
      <c r="B3409" s="14"/>
      <c r="C3409" s="13"/>
      <c r="D3409" s="14"/>
      <c r="E3409" s="14"/>
      <c r="F3409" s="16"/>
      <c r="G3409" s="2"/>
      <c r="H3409" s="2"/>
      <c r="I3409" s="2"/>
      <c r="J3409" s="2"/>
      <c r="K3409" s="2"/>
      <c r="L3409" s="2"/>
    </row>
    <row r="3410" spans="1:12" s="17" customFormat="1" ht="27" customHeight="1" x14ac:dyDescent="0.15">
      <c r="A3410" s="13"/>
      <c r="B3410" s="14"/>
      <c r="C3410" s="13"/>
      <c r="D3410" s="14"/>
      <c r="E3410" s="14"/>
      <c r="F3410" s="16"/>
      <c r="G3410" s="2"/>
      <c r="H3410" s="2"/>
      <c r="I3410" s="2"/>
      <c r="J3410" s="2"/>
      <c r="K3410" s="2"/>
      <c r="L3410" s="2"/>
    </row>
    <row r="3411" spans="1:12" s="17" customFormat="1" ht="27" customHeight="1" x14ac:dyDescent="0.15">
      <c r="A3411" s="13"/>
      <c r="B3411" s="14"/>
      <c r="C3411" s="13"/>
      <c r="D3411" s="14"/>
      <c r="E3411" s="14"/>
      <c r="F3411" s="16"/>
      <c r="G3411" s="2"/>
      <c r="H3411" s="2"/>
      <c r="I3411" s="2"/>
      <c r="J3411" s="2"/>
      <c r="K3411" s="2"/>
      <c r="L3411" s="2"/>
    </row>
    <row r="3412" spans="1:12" s="17" customFormat="1" ht="27" customHeight="1" x14ac:dyDescent="0.15">
      <c r="A3412" s="13"/>
      <c r="B3412" s="14"/>
      <c r="C3412" s="13"/>
      <c r="D3412" s="14"/>
      <c r="E3412" s="14"/>
      <c r="F3412" s="16"/>
      <c r="G3412" s="2"/>
      <c r="H3412" s="2"/>
      <c r="I3412" s="2"/>
      <c r="J3412" s="2"/>
      <c r="K3412" s="2"/>
      <c r="L3412" s="2"/>
    </row>
    <row r="3413" spans="1:12" s="17" customFormat="1" ht="27" customHeight="1" x14ac:dyDescent="0.15">
      <c r="A3413" s="13"/>
      <c r="B3413" s="14"/>
      <c r="C3413" s="13"/>
      <c r="D3413" s="14"/>
      <c r="E3413" s="14"/>
      <c r="F3413" s="16"/>
      <c r="G3413" s="2"/>
      <c r="H3413" s="2"/>
      <c r="I3413" s="2"/>
      <c r="J3413" s="2"/>
      <c r="K3413" s="2"/>
      <c r="L3413" s="2"/>
    </row>
    <row r="3414" spans="1:12" s="17" customFormat="1" ht="27" customHeight="1" x14ac:dyDescent="0.15">
      <c r="A3414" s="13"/>
      <c r="B3414" s="14"/>
      <c r="C3414" s="13"/>
      <c r="D3414" s="14"/>
      <c r="E3414" s="14"/>
      <c r="F3414" s="16"/>
      <c r="G3414" s="2"/>
      <c r="H3414" s="2"/>
      <c r="I3414" s="2"/>
      <c r="J3414" s="2"/>
      <c r="K3414" s="2"/>
      <c r="L3414" s="2"/>
    </row>
    <row r="3415" spans="1:12" s="17" customFormat="1" ht="27" customHeight="1" x14ac:dyDescent="0.15">
      <c r="A3415" s="13"/>
      <c r="B3415" s="14"/>
      <c r="C3415" s="13"/>
      <c r="D3415" s="14"/>
      <c r="E3415" s="14"/>
      <c r="F3415" s="16"/>
      <c r="G3415" s="2"/>
      <c r="H3415" s="2"/>
      <c r="I3415" s="2"/>
      <c r="J3415" s="2"/>
      <c r="K3415" s="2"/>
      <c r="L3415" s="2"/>
    </row>
    <row r="3416" spans="1:12" s="17" customFormat="1" ht="27" customHeight="1" x14ac:dyDescent="0.15">
      <c r="A3416" s="13"/>
      <c r="B3416" s="14"/>
      <c r="C3416" s="13"/>
      <c r="D3416" s="14"/>
      <c r="E3416" s="14"/>
      <c r="F3416" s="16"/>
      <c r="G3416" s="2"/>
      <c r="H3416" s="2"/>
      <c r="I3416" s="2"/>
      <c r="J3416" s="2"/>
      <c r="K3416" s="2"/>
      <c r="L3416" s="2"/>
    </row>
    <row r="3417" spans="1:12" s="17" customFormat="1" ht="27" customHeight="1" x14ac:dyDescent="0.15">
      <c r="A3417" s="13"/>
      <c r="B3417" s="14"/>
      <c r="C3417" s="13"/>
      <c r="D3417" s="14"/>
      <c r="E3417" s="14"/>
      <c r="F3417" s="16"/>
      <c r="G3417" s="2"/>
      <c r="H3417" s="2"/>
      <c r="I3417" s="2"/>
      <c r="J3417" s="2"/>
      <c r="K3417" s="2"/>
      <c r="L3417" s="2"/>
    </row>
    <row r="3418" spans="1:12" s="17" customFormat="1" ht="27" customHeight="1" x14ac:dyDescent="0.15">
      <c r="A3418" s="13"/>
      <c r="B3418" s="14"/>
      <c r="C3418" s="13"/>
      <c r="D3418" s="14"/>
      <c r="E3418" s="14"/>
      <c r="F3418" s="16"/>
      <c r="G3418" s="2"/>
      <c r="H3418" s="2"/>
      <c r="I3418" s="2"/>
      <c r="J3418" s="2"/>
      <c r="K3418" s="2"/>
      <c r="L3418" s="2"/>
    </row>
    <row r="3419" spans="1:12" s="17" customFormat="1" ht="27" customHeight="1" x14ac:dyDescent="0.15">
      <c r="A3419" s="13"/>
      <c r="B3419" s="14"/>
      <c r="C3419" s="13"/>
      <c r="D3419" s="14"/>
      <c r="E3419" s="14"/>
      <c r="F3419" s="16"/>
      <c r="G3419" s="2"/>
      <c r="H3419" s="2"/>
      <c r="I3419" s="2"/>
      <c r="J3419" s="2"/>
      <c r="K3419" s="2"/>
      <c r="L3419" s="2"/>
    </row>
    <row r="3420" spans="1:12" s="17" customFormat="1" ht="27" customHeight="1" x14ac:dyDescent="0.15">
      <c r="A3420" s="13"/>
      <c r="B3420" s="14"/>
      <c r="C3420" s="13"/>
      <c r="D3420" s="14"/>
      <c r="E3420" s="14"/>
      <c r="F3420" s="16"/>
      <c r="G3420" s="2"/>
      <c r="H3420" s="2"/>
      <c r="I3420" s="2"/>
      <c r="J3420" s="2"/>
      <c r="K3420" s="2"/>
      <c r="L3420" s="2"/>
    </row>
    <row r="3421" spans="1:12" s="17" customFormat="1" ht="27" customHeight="1" x14ac:dyDescent="0.15">
      <c r="A3421" s="13"/>
      <c r="B3421" s="14"/>
      <c r="C3421" s="13"/>
      <c r="D3421" s="14"/>
      <c r="E3421" s="14"/>
      <c r="F3421" s="16"/>
      <c r="G3421" s="2"/>
      <c r="H3421" s="2"/>
      <c r="I3421" s="2"/>
      <c r="J3421" s="2"/>
      <c r="K3421" s="2"/>
      <c r="L3421" s="2"/>
    </row>
    <row r="3422" spans="1:12" s="17" customFormat="1" ht="27" customHeight="1" x14ac:dyDescent="0.15">
      <c r="A3422" s="13"/>
      <c r="B3422" s="14"/>
      <c r="C3422" s="13"/>
      <c r="D3422" s="14"/>
      <c r="E3422" s="14"/>
      <c r="F3422" s="16"/>
      <c r="G3422" s="2"/>
      <c r="H3422" s="2"/>
      <c r="I3422" s="2"/>
      <c r="J3422" s="2"/>
      <c r="K3422" s="2"/>
      <c r="L3422" s="2"/>
    </row>
    <row r="3423" spans="1:12" s="17" customFormat="1" ht="27" customHeight="1" x14ac:dyDescent="0.15">
      <c r="A3423" s="13"/>
      <c r="B3423" s="14"/>
      <c r="C3423" s="13"/>
      <c r="D3423" s="14"/>
      <c r="E3423" s="14"/>
      <c r="F3423" s="16"/>
      <c r="G3423" s="2"/>
      <c r="H3423" s="2"/>
      <c r="I3423" s="2"/>
      <c r="J3423" s="2"/>
      <c r="K3423" s="2"/>
      <c r="L3423" s="2"/>
    </row>
    <row r="3424" spans="1:12" s="17" customFormat="1" ht="27" customHeight="1" x14ac:dyDescent="0.15">
      <c r="A3424" s="13"/>
      <c r="B3424" s="14"/>
      <c r="C3424" s="13"/>
      <c r="D3424" s="14"/>
      <c r="E3424" s="14"/>
      <c r="F3424" s="16"/>
      <c r="G3424" s="2"/>
      <c r="H3424" s="2"/>
      <c r="I3424" s="2"/>
      <c r="J3424" s="2"/>
      <c r="K3424" s="2"/>
      <c r="L3424" s="2"/>
    </row>
    <row r="3425" spans="1:12" s="17" customFormat="1" ht="27" customHeight="1" x14ac:dyDescent="0.15">
      <c r="A3425" s="13"/>
      <c r="B3425" s="14"/>
      <c r="C3425" s="13"/>
      <c r="D3425" s="14"/>
      <c r="E3425" s="14"/>
      <c r="F3425" s="16"/>
      <c r="G3425" s="2"/>
      <c r="H3425" s="2"/>
      <c r="I3425" s="2"/>
      <c r="J3425" s="2"/>
      <c r="K3425" s="2"/>
      <c r="L3425" s="2"/>
    </row>
    <row r="3426" spans="1:12" s="17" customFormat="1" ht="27" customHeight="1" x14ac:dyDescent="0.15">
      <c r="A3426" s="13"/>
      <c r="B3426" s="14"/>
      <c r="C3426" s="13"/>
      <c r="D3426" s="14"/>
      <c r="E3426" s="14"/>
      <c r="F3426" s="16"/>
      <c r="G3426" s="2"/>
      <c r="H3426" s="2"/>
      <c r="I3426" s="2"/>
      <c r="J3426" s="2"/>
      <c r="K3426" s="2"/>
      <c r="L3426" s="2"/>
    </row>
    <row r="3427" spans="1:12" s="17" customFormat="1" ht="27" customHeight="1" x14ac:dyDescent="0.15">
      <c r="A3427" s="13"/>
      <c r="B3427" s="14"/>
      <c r="C3427" s="13"/>
      <c r="D3427" s="14"/>
      <c r="E3427" s="14"/>
      <c r="F3427" s="16"/>
      <c r="G3427" s="2"/>
      <c r="H3427" s="2"/>
      <c r="I3427" s="2"/>
      <c r="J3427" s="2"/>
      <c r="K3427" s="2"/>
      <c r="L3427" s="2"/>
    </row>
    <row r="3428" spans="1:12" s="17" customFormat="1" ht="27" customHeight="1" x14ac:dyDescent="0.15">
      <c r="A3428" s="13"/>
      <c r="B3428" s="14"/>
      <c r="C3428" s="13"/>
      <c r="D3428" s="14"/>
      <c r="E3428" s="14"/>
      <c r="F3428" s="16"/>
      <c r="G3428" s="2"/>
      <c r="H3428" s="2"/>
      <c r="I3428" s="2"/>
      <c r="J3428" s="2"/>
      <c r="K3428" s="2"/>
      <c r="L3428" s="2"/>
    </row>
    <row r="3429" spans="1:12" s="17" customFormat="1" ht="27" customHeight="1" x14ac:dyDescent="0.15">
      <c r="A3429" s="13"/>
      <c r="B3429" s="14"/>
      <c r="C3429" s="13"/>
      <c r="D3429" s="14"/>
      <c r="E3429" s="14"/>
      <c r="F3429" s="16"/>
      <c r="G3429" s="2"/>
      <c r="H3429" s="2"/>
      <c r="I3429" s="2"/>
      <c r="J3429" s="2"/>
      <c r="K3429" s="2"/>
      <c r="L3429" s="2"/>
    </row>
    <row r="3430" spans="1:12" s="17" customFormat="1" ht="27" customHeight="1" x14ac:dyDescent="0.15">
      <c r="A3430" s="13"/>
      <c r="B3430" s="14"/>
      <c r="C3430" s="13"/>
      <c r="D3430" s="14"/>
      <c r="E3430" s="14"/>
      <c r="F3430" s="16"/>
      <c r="G3430" s="2"/>
      <c r="H3430" s="2"/>
      <c r="I3430" s="2"/>
      <c r="J3430" s="2"/>
      <c r="K3430" s="2"/>
      <c r="L3430" s="2"/>
    </row>
    <row r="3431" spans="1:12" s="17" customFormat="1" ht="27" customHeight="1" x14ac:dyDescent="0.15">
      <c r="A3431" s="13"/>
      <c r="B3431" s="14"/>
      <c r="C3431" s="13"/>
      <c r="D3431" s="14"/>
      <c r="E3431" s="14"/>
      <c r="F3431" s="16"/>
      <c r="G3431" s="2"/>
      <c r="H3431" s="2"/>
      <c r="I3431" s="2"/>
      <c r="J3431" s="2"/>
      <c r="K3431" s="2"/>
      <c r="L3431" s="2"/>
    </row>
    <row r="3432" spans="1:12" s="17" customFormat="1" ht="27" customHeight="1" x14ac:dyDescent="0.15">
      <c r="A3432" s="13"/>
      <c r="B3432" s="14"/>
      <c r="C3432" s="13"/>
      <c r="D3432" s="14"/>
      <c r="E3432" s="14"/>
      <c r="F3432" s="16"/>
      <c r="G3432" s="2"/>
      <c r="H3432" s="2"/>
      <c r="I3432" s="2"/>
      <c r="J3432" s="2"/>
      <c r="K3432" s="2"/>
      <c r="L3432" s="2"/>
    </row>
    <row r="3433" spans="1:12" s="17" customFormat="1" ht="27" customHeight="1" x14ac:dyDescent="0.15">
      <c r="A3433" s="13"/>
      <c r="B3433" s="14"/>
      <c r="C3433" s="13"/>
      <c r="D3433" s="14"/>
      <c r="E3433" s="14"/>
      <c r="F3433" s="16"/>
      <c r="G3433" s="2"/>
      <c r="H3433" s="2"/>
      <c r="I3433" s="2"/>
      <c r="J3433" s="2"/>
      <c r="K3433" s="2"/>
      <c r="L3433" s="2"/>
    </row>
    <row r="3434" spans="1:12" s="17" customFormat="1" ht="27" customHeight="1" x14ac:dyDescent="0.15">
      <c r="A3434" s="13"/>
      <c r="B3434" s="14"/>
      <c r="C3434" s="13"/>
      <c r="D3434" s="14"/>
      <c r="E3434" s="14"/>
      <c r="F3434" s="16"/>
      <c r="G3434" s="2"/>
      <c r="H3434" s="2"/>
      <c r="I3434" s="2"/>
      <c r="J3434" s="2"/>
      <c r="K3434" s="2"/>
      <c r="L3434" s="2"/>
    </row>
    <row r="3435" spans="1:12" s="17" customFormat="1" ht="27" customHeight="1" x14ac:dyDescent="0.15">
      <c r="A3435" s="13"/>
      <c r="B3435" s="14"/>
      <c r="C3435" s="13"/>
      <c r="D3435" s="14"/>
      <c r="E3435" s="14"/>
      <c r="F3435" s="16"/>
      <c r="G3435" s="2"/>
      <c r="H3435" s="2"/>
      <c r="I3435" s="2"/>
      <c r="J3435" s="2"/>
      <c r="K3435" s="2"/>
      <c r="L3435" s="2"/>
    </row>
    <row r="3436" spans="1:12" s="17" customFormat="1" ht="27" customHeight="1" x14ac:dyDescent="0.15">
      <c r="A3436" s="13"/>
      <c r="B3436" s="14"/>
      <c r="C3436" s="13"/>
      <c r="D3436" s="14"/>
      <c r="E3436" s="14"/>
      <c r="F3436" s="16"/>
      <c r="G3436" s="2"/>
      <c r="H3436" s="2"/>
      <c r="I3436" s="2"/>
      <c r="J3436" s="2"/>
      <c r="K3436" s="2"/>
      <c r="L3436" s="2"/>
    </row>
    <row r="3437" spans="1:12" s="17" customFormat="1" ht="27" customHeight="1" x14ac:dyDescent="0.15">
      <c r="A3437" s="13"/>
      <c r="B3437" s="14"/>
      <c r="C3437" s="13"/>
      <c r="D3437" s="14"/>
      <c r="E3437" s="14"/>
      <c r="F3437" s="16"/>
      <c r="G3437" s="2"/>
      <c r="H3437" s="2"/>
      <c r="I3437" s="2"/>
      <c r="J3437" s="2"/>
      <c r="K3437" s="2"/>
      <c r="L3437" s="2"/>
    </row>
    <row r="3438" spans="1:12" s="17" customFormat="1" ht="27" customHeight="1" x14ac:dyDescent="0.15">
      <c r="A3438" s="13"/>
      <c r="B3438" s="14"/>
      <c r="C3438" s="13"/>
      <c r="D3438" s="14"/>
      <c r="E3438" s="14"/>
      <c r="F3438" s="16"/>
      <c r="G3438" s="2"/>
      <c r="H3438" s="2"/>
      <c r="I3438" s="2"/>
      <c r="J3438" s="2"/>
      <c r="K3438" s="2"/>
      <c r="L3438" s="2"/>
    </row>
    <row r="3439" spans="1:12" s="17" customFormat="1" ht="27" customHeight="1" x14ac:dyDescent="0.15">
      <c r="A3439" s="13"/>
      <c r="B3439" s="14"/>
      <c r="C3439" s="13"/>
      <c r="D3439" s="14"/>
      <c r="E3439" s="14"/>
      <c r="F3439" s="16"/>
      <c r="G3439" s="2"/>
      <c r="H3439" s="2"/>
      <c r="I3439" s="2"/>
      <c r="J3439" s="2"/>
      <c r="K3439" s="2"/>
      <c r="L3439" s="2"/>
    </row>
    <row r="3440" spans="1:12" s="17" customFormat="1" ht="27" customHeight="1" x14ac:dyDescent="0.15">
      <c r="A3440" s="13"/>
      <c r="B3440" s="14"/>
      <c r="C3440" s="13"/>
      <c r="D3440" s="14"/>
      <c r="E3440" s="14"/>
      <c r="F3440" s="16"/>
      <c r="G3440" s="2"/>
      <c r="H3440" s="2"/>
      <c r="I3440" s="2"/>
      <c r="J3440" s="2"/>
      <c r="K3440" s="2"/>
      <c r="L3440" s="2"/>
    </row>
    <row r="3441" spans="1:12" s="17" customFormat="1" ht="27" customHeight="1" x14ac:dyDescent="0.15">
      <c r="A3441" s="13"/>
      <c r="B3441" s="14"/>
      <c r="C3441" s="13"/>
      <c r="D3441" s="14"/>
      <c r="E3441" s="14"/>
      <c r="F3441" s="16"/>
      <c r="G3441" s="2"/>
      <c r="H3441" s="2"/>
      <c r="I3441" s="2"/>
      <c r="J3441" s="2"/>
      <c r="K3441" s="2"/>
      <c r="L3441" s="2"/>
    </row>
    <row r="3442" spans="1:12" s="17" customFormat="1" ht="27" customHeight="1" x14ac:dyDescent="0.15">
      <c r="A3442" s="13"/>
      <c r="B3442" s="14"/>
      <c r="C3442" s="13"/>
      <c r="D3442" s="14"/>
      <c r="E3442" s="14"/>
      <c r="F3442" s="16"/>
      <c r="G3442" s="2"/>
      <c r="H3442" s="2"/>
      <c r="I3442" s="2"/>
      <c r="J3442" s="2"/>
      <c r="K3442" s="2"/>
      <c r="L3442" s="2"/>
    </row>
    <row r="3443" spans="1:12" s="17" customFormat="1" ht="27" customHeight="1" x14ac:dyDescent="0.15">
      <c r="A3443" s="13"/>
      <c r="B3443" s="14"/>
      <c r="C3443" s="13"/>
      <c r="D3443" s="14"/>
      <c r="E3443" s="14"/>
      <c r="F3443" s="16"/>
      <c r="G3443" s="2"/>
      <c r="H3443" s="2"/>
      <c r="I3443" s="2"/>
      <c r="J3443" s="2"/>
      <c r="K3443" s="2"/>
      <c r="L3443" s="2"/>
    </row>
    <row r="3444" spans="1:12" s="17" customFormat="1" ht="27" customHeight="1" x14ac:dyDescent="0.15">
      <c r="A3444" s="13"/>
      <c r="B3444" s="14"/>
      <c r="C3444" s="13"/>
      <c r="D3444" s="14"/>
      <c r="E3444" s="14"/>
      <c r="F3444" s="16"/>
      <c r="G3444" s="2"/>
      <c r="H3444" s="2"/>
      <c r="I3444" s="2"/>
      <c r="J3444" s="2"/>
      <c r="K3444" s="2"/>
      <c r="L3444" s="2"/>
    </row>
    <row r="3445" spans="1:12" s="17" customFormat="1" ht="27" customHeight="1" x14ac:dyDescent="0.15">
      <c r="A3445" s="13"/>
      <c r="B3445" s="14"/>
      <c r="C3445" s="13"/>
      <c r="D3445" s="14"/>
      <c r="E3445" s="14"/>
      <c r="F3445" s="16"/>
      <c r="G3445" s="2"/>
      <c r="H3445" s="2"/>
      <c r="I3445" s="2"/>
      <c r="J3445" s="2"/>
      <c r="K3445" s="2"/>
      <c r="L3445" s="2"/>
    </row>
    <row r="3446" spans="1:12" s="17" customFormat="1" ht="27" customHeight="1" x14ac:dyDescent="0.15">
      <c r="A3446" s="13"/>
      <c r="B3446" s="14"/>
      <c r="C3446" s="13"/>
      <c r="D3446" s="14"/>
      <c r="E3446" s="14"/>
      <c r="F3446" s="16"/>
      <c r="G3446" s="2"/>
      <c r="H3446" s="2"/>
      <c r="I3446" s="2"/>
      <c r="J3446" s="2"/>
      <c r="K3446" s="2"/>
      <c r="L3446" s="2"/>
    </row>
    <row r="3447" spans="1:12" s="17" customFormat="1" ht="27" customHeight="1" x14ac:dyDescent="0.15">
      <c r="A3447" s="13"/>
      <c r="B3447" s="14"/>
      <c r="C3447" s="13"/>
      <c r="D3447" s="14"/>
      <c r="E3447" s="14"/>
      <c r="F3447" s="16"/>
      <c r="G3447" s="2"/>
      <c r="H3447" s="2"/>
      <c r="I3447" s="2"/>
      <c r="J3447" s="2"/>
      <c r="K3447" s="2"/>
      <c r="L3447" s="2"/>
    </row>
    <row r="3448" spans="1:12" s="17" customFormat="1" ht="27" customHeight="1" x14ac:dyDescent="0.15">
      <c r="A3448" s="13"/>
      <c r="B3448" s="14"/>
      <c r="C3448" s="13"/>
      <c r="D3448" s="14"/>
      <c r="E3448" s="14"/>
      <c r="F3448" s="16"/>
      <c r="G3448" s="2"/>
      <c r="H3448" s="2"/>
      <c r="I3448" s="2"/>
      <c r="J3448" s="2"/>
      <c r="K3448" s="2"/>
      <c r="L3448" s="2"/>
    </row>
    <row r="3449" spans="1:12" s="17" customFormat="1" ht="27" customHeight="1" x14ac:dyDescent="0.15">
      <c r="A3449" s="13"/>
      <c r="B3449" s="14"/>
      <c r="C3449" s="13"/>
      <c r="D3449" s="14"/>
      <c r="E3449" s="14"/>
      <c r="F3449" s="16"/>
      <c r="G3449" s="2"/>
      <c r="H3449" s="2"/>
      <c r="I3449" s="2"/>
      <c r="J3449" s="2"/>
      <c r="K3449" s="2"/>
      <c r="L3449" s="2"/>
    </row>
    <row r="3450" spans="1:12" s="17" customFormat="1" ht="27" customHeight="1" x14ac:dyDescent="0.15">
      <c r="A3450" s="13"/>
      <c r="B3450" s="14"/>
      <c r="C3450" s="13"/>
      <c r="D3450" s="14"/>
      <c r="E3450" s="14"/>
      <c r="F3450" s="16"/>
      <c r="G3450" s="2"/>
      <c r="H3450" s="2"/>
      <c r="I3450" s="2"/>
      <c r="J3450" s="2"/>
      <c r="K3450" s="2"/>
      <c r="L3450" s="2"/>
    </row>
    <row r="3451" spans="1:12" s="17" customFormat="1" ht="27" customHeight="1" x14ac:dyDescent="0.15">
      <c r="A3451" s="13"/>
      <c r="B3451" s="14"/>
      <c r="C3451" s="13"/>
      <c r="D3451" s="14"/>
      <c r="E3451" s="14"/>
      <c r="F3451" s="16"/>
      <c r="G3451" s="2"/>
      <c r="H3451" s="2"/>
      <c r="I3451" s="2"/>
      <c r="J3451" s="2"/>
      <c r="K3451" s="2"/>
      <c r="L3451" s="2"/>
    </row>
    <row r="3452" spans="1:12" s="17" customFormat="1" ht="27" customHeight="1" x14ac:dyDescent="0.15">
      <c r="A3452" s="13"/>
      <c r="B3452" s="14"/>
      <c r="C3452" s="13"/>
      <c r="D3452" s="14"/>
      <c r="E3452" s="14"/>
      <c r="F3452" s="16"/>
      <c r="G3452" s="2"/>
      <c r="H3452" s="2"/>
      <c r="I3452" s="2"/>
      <c r="J3452" s="2"/>
      <c r="K3452" s="2"/>
      <c r="L3452" s="2"/>
    </row>
    <row r="3453" spans="1:12" s="17" customFormat="1" ht="27" customHeight="1" x14ac:dyDescent="0.15">
      <c r="A3453" s="13"/>
      <c r="B3453" s="14"/>
      <c r="C3453" s="13"/>
      <c r="D3453" s="14"/>
      <c r="E3453" s="14"/>
      <c r="F3453" s="16"/>
      <c r="G3453" s="2"/>
      <c r="H3453" s="2"/>
      <c r="I3453" s="2"/>
      <c r="J3453" s="2"/>
      <c r="K3453" s="2"/>
      <c r="L3453" s="2"/>
    </row>
    <row r="3454" spans="1:12" s="17" customFormat="1" ht="27" customHeight="1" x14ac:dyDescent="0.15">
      <c r="A3454" s="13"/>
      <c r="B3454" s="14"/>
      <c r="C3454" s="13"/>
      <c r="D3454" s="14"/>
      <c r="E3454" s="14"/>
      <c r="F3454" s="16"/>
      <c r="G3454" s="2"/>
      <c r="H3454" s="2"/>
      <c r="I3454" s="2"/>
      <c r="J3454" s="2"/>
      <c r="K3454" s="2"/>
      <c r="L3454" s="2"/>
    </row>
    <row r="3455" spans="1:12" s="17" customFormat="1" ht="27" customHeight="1" x14ac:dyDescent="0.15">
      <c r="A3455" s="13"/>
      <c r="B3455" s="14"/>
      <c r="C3455" s="13"/>
      <c r="D3455" s="14"/>
      <c r="E3455" s="14"/>
      <c r="F3455" s="16"/>
      <c r="G3455" s="2"/>
      <c r="H3455" s="2"/>
      <c r="I3455" s="2"/>
      <c r="J3455" s="2"/>
      <c r="K3455" s="2"/>
      <c r="L3455" s="2"/>
    </row>
    <row r="3456" spans="1:12" s="17" customFormat="1" ht="27" customHeight="1" x14ac:dyDescent="0.15">
      <c r="A3456" s="13"/>
      <c r="B3456" s="14"/>
      <c r="C3456" s="13"/>
      <c r="D3456" s="14"/>
      <c r="E3456" s="14"/>
      <c r="F3456" s="16"/>
      <c r="G3456" s="2"/>
      <c r="H3456" s="2"/>
      <c r="I3456" s="2"/>
      <c r="J3456" s="2"/>
      <c r="K3456" s="2"/>
      <c r="L3456" s="2"/>
    </row>
    <row r="3457" spans="1:12" s="17" customFormat="1" ht="27" customHeight="1" x14ac:dyDescent="0.15">
      <c r="A3457" s="13"/>
      <c r="B3457" s="14"/>
      <c r="C3457" s="13"/>
      <c r="D3457" s="14"/>
      <c r="E3457" s="14"/>
      <c r="F3457" s="16"/>
      <c r="G3457" s="2"/>
      <c r="H3457" s="2"/>
      <c r="I3457" s="2"/>
      <c r="J3457" s="2"/>
      <c r="K3457" s="2"/>
      <c r="L3457" s="2"/>
    </row>
    <row r="3458" spans="1:12" s="17" customFormat="1" ht="27" customHeight="1" x14ac:dyDescent="0.15">
      <c r="A3458" s="13"/>
      <c r="B3458" s="14"/>
      <c r="C3458" s="13"/>
      <c r="D3458" s="14"/>
      <c r="E3458" s="14"/>
      <c r="F3458" s="16"/>
      <c r="G3458" s="2"/>
      <c r="H3458" s="2"/>
      <c r="I3458" s="2"/>
      <c r="J3458" s="2"/>
      <c r="K3458" s="2"/>
      <c r="L3458" s="2"/>
    </row>
    <row r="3459" spans="1:12" s="17" customFormat="1" ht="27" customHeight="1" x14ac:dyDescent="0.15">
      <c r="A3459" s="13"/>
      <c r="B3459" s="14"/>
      <c r="C3459" s="13"/>
      <c r="D3459" s="14"/>
      <c r="E3459" s="14"/>
      <c r="F3459" s="16"/>
      <c r="G3459" s="2"/>
      <c r="H3459" s="2"/>
      <c r="I3459" s="2"/>
      <c r="J3459" s="2"/>
      <c r="K3459" s="2"/>
      <c r="L3459" s="2"/>
    </row>
    <row r="3460" spans="1:12" s="17" customFormat="1" ht="27" customHeight="1" x14ac:dyDescent="0.15">
      <c r="A3460" s="13"/>
      <c r="B3460" s="14"/>
      <c r="C3460" s="13"/>
      <c r="D3460" s="14"/>
      <c r="E3460" s="14"/>
      <c r="F3460" s="16"/>
      <c r="G3460" s="2"/>
      <c r="H3460" s="2"/>
      <c r="I3460" s="2"/>
      <c r="J3460" s="2"/>
      <c r="K3460" s="2"/>
      <c r="L3460" s="2"/>
    </row>
    <row r="3461" spans="1:12" s="17" customFormat="1" ht="27" customHeight="1" x14ac:dyDescent="0.15">
      <c r="A3461" s="13"/>
      <c r="B3461" s="14"/>
      <c r="C3461" s="13"/>
      <c r="D3461" s="14"/>
      <c r="E3461" s="14"/>
      <c r="F3461" s="16"/>
      <c r="G3461" s="2"/>
      <c r="H3461" s="2"/>
      <c r="I3461" s="2"/>
      <c r="J3461" s="2"/>
      <c r="K3461" s="2"/>
      <c r="L3461" s="2"/>
    </row>
    <row r="3462" spans="1:12" s="17" customFormat="1" ht="27" customHeight="1" x14ac:dyDescent="0.15">
      <c r="A3462" s="13"/>
      <c r="B3462" s="14"/>
      <c r="C3462" s="13"/>
      <c r="D3462" s="14"/>
      <c r="E3462" s="14"/>
      <c r="F3462" s="16"/>
      <c r="G3462" s="2"/>
      <c r="H3462" s="2"/>
      <c r="I3462" s="2"/>
      <c r="J3462" s="2"/>
      <c r="K3462" s="2"/>
      <c r="L3462" s="2"/>
    </row>
    <row r="3463" spans="1:12" s="17" customFormat="1" ht="27" customHeight="1" x14ac:dyDescent="0.15">
      <c r="A3463" s="13"/>
      <c r="B3463" s="14"/>
      <c r="C3463" s="13"/>
      <c r="D3463" s="14"/>
      <c r="E3463" s="14"/>
      <c r="F3463" s="16"/>
      <c r="G3463" s="2"/>
      <c r="H3463" s="2"/>
      <c r="I3463" s="2"/>
      <c r="J3463" s="2"/>
      <c r="K3463" s="2"/>
      <c r="L3463" s="2"/>
    </row>
    <row r="3464" spans="1:12" s="17" customFormat="1" ht="27" customHeight="1" x14ac:dyDescent="0.15">
      <c r="A3464" s="13"/>
      <c r="B3464" s="14"/>
      <c r="C3464" s="13"/>
      <c r="D3464" s="14"/>
      <c r="E3464" s="14"/>
      <c r="F3464" s="16"/>
      <c r="G3464" s="2"/>
      <c r="H3464" s="2"/>
      <c r="I3464" s="2"/>
      <c r="J3464" s="2"/>
      <c r="K3464" s="2"/>
      <c r="L3464" s="2"/>
    </row>
    <row r="3465" spans="1:12" s="17" customFormat="1" ht="27" customHeight="1" x14ac:dyDescent="0.15">
      <c r="A3465" s="13"/>
      <c r="B3465" s="14"/>
      <c r="C3465" s="13"/>
      <c r="D3465" s="14"/>
      <c r="E3465" s="14"/>
      <c r="F3465" s="16"/>
      <c r="G3465" s="2"/>
      <c r="H3465" s="2"/>
      <c r="I3465" s="2"/>
      <c r="J3465" s="2"/>
      <c r="K3465" s="2"/>
      <c r="L3465" s="2"/>
    </row>
    <row r="3466" spans="1:12" s="17" customFormat="1" ht="27" customHeight="1" x14ac:dyDescent="0.15">
      <c r="A3466" s="13"/>
      <c r="B3466" s="14"/>
      <c r="C3466" s="13"/>
      <c r="D3466" s="14"/>
      <c r="E3466" s="14"/>
      <c r="F3466" s="16"/>
      <c r="G3466" s="2"/>
      <c r="H3466" s="2"/>
      <c r="I3466" s="2"/>
      <c r="J3466" s="2"/>
      <c r="K3466" s="2"/>
      <c r="L3466" s="2"/>
    </row>
    <row r="3467" spans="1:12" s="17" customFormat="1" ht="27" customHeight="1" x14ac:dyDescent="0.15">
      <c r="A3467" s="13"/>
      <c r="B3467" s="14"/>
      <c r="C3467" s="13"/>
      <c r="D3467" s="14"/>
      <c r="E3467" s="14"/>
      <c r="F3467" s="16"/>
      <c r="G3467" s="2"/>
      <c r="H3467" s="2"/>
      <c r="I3467" s="2"/>
      <c r="J3467" s="2"/>
      <c r="K3467" s="2"/>
      <c r="L3467" s="2"/>
    </row>
    <row r="3468" spans="1:12" s="17" customFormat="1" ht="27" customHeight="1" x14ac:dyDescent="0.15">
      <c r="A3468" s="13"/>
      <c r="B3468" s="14"/>
      <c r="C3468" s="13"/>
      <c r="D3468" s="14"/>
      <c r="E3468" s="14"/>
      <c r="F3468" s="16"/>
      <c r="G3468" s="2"/>
      <c r="H3468" s="2"/>
      <c r="I3468" s="2"/>
      <c r="J3468" s="2"/>
      <c r="K3468" s="2"/>
      <c r="L3468" s="2"/>
    </row>
    <row r="3469" spans="1:12" s="17" customFormat="1" ht="27" customHeight="1" x14ac:dyDescent="0.15">
      <c r="A3469" s="13"/>
      <c r="B3469" s="14"/>
      <c r="C3469" s="13"/>
      <c r="D3469" s="14"/>
      <c r="E3469" s="14"/>
      <c r="F3469" s="16"/>
      <c r="G3469" s="2"/>
      <c r="H3469" s="2"/>
      <c r="I3469" s="2"/>
      <c r="J3469" s="2"/>
      <c r="K3469" s="2"/>
      <c r="L3469" s="2"/>
    </row>
    <row r="3470" spans="1:12" s="17" customFormat="1" ht="27" customHeight="1" x14ac:dyDescent="0.15">
      <c r="A3470" s="13"/>
      <c r="B3470" s="14"/>
      <c r="C3470" s="13"/>
      <c r="D3470" s="14"/>
      <c r="E3470" s="14"/>
      <c r="F3470" s="16"/>
      <c r="G3470" s="2"/>
      <c r="H3470" s="2"/>
      <c r="I3470" s="2"/>
      <c r="J3470" s="2"/>
      <c r="K3470" s="2"/>
      <c r="L3470" s="2"/>
    </row>
    <row r="3471" spans="1:12" s="17" customFormat="1" ht="27" customHeight="1" x14ac:dyDescent="0.15">
      <c r="A3471" s="13"/>
      <c r="B3471" s="14"/>
      <c r="C3471" s="13"/>
      <c r="D3471" s="14"/>
      <c r="E3471" s="14"/>
      <c r="F3471" s="16"/>
      <c r="G3471" s="2"/>
      <c r="H3471" s="2"/>
      <c r="I3471" s="2"/>
      <c r="J3471" s="2"/>
      <c r="K3471" s="2"/>
      <c r="L3471" s="2"/>
    </row>
    <row r="3472" spans="1:12" s="17" customFormat="1" ht="27" customHeight="1" x14ac:dyDescent="0.15">
      <c r="A3472" s="13"/>
      <c r="B3472" s="14"/>
      <c r="C3472" s="13"/>
      <c r="D3472" s="14"/>
      <c r="E3472" s="14"/>
      <c r="F3472" s="16"/>
      <c r="G3472" s="2"/>
      <c r="H3472" s="2"/>
      <c r="I3472" s="2"/>
      <c r="J3472" s="2"/>
      <c r="K3472" s="2"/>
      <c r="L3472" s="2"/>
    </row>
    <row r="3473" spans="1:12" s="17" customFormat="1" ht="27" customHeight="1" x14ac:dyDescent="0.15">
      <c r="A3473" s="13"/>
      <c r="B3473" s="14"/>
      <c r="C3473" s="13"/>
      <c r="D3473" s="14"/>
      <c r="E3473" s="14"/>
      <c r="F3473" s="16"/>
      <c r="G3473" s="2"/>
      <c r="H3473" s="2"/>
      <c r="I3473" s="2"/>
      <c r="J3473" s="2"/>
      <c r="K3473" s="2"/>
      <c r="L3473" s="2"/>
    </row>
    <row r="3474" spans="1:12" s="17" customFormat="1" ht="27" customHeight="1" x14ac:dyDescent="0.15">
      <c r="A3474" s="13"/>
      <c r="B3474" s="14"/>
      <c r="C3474" s="13"/>
      <c r="D3474" s="14"/>
      <c r="E3474" s="14"/>
      <c r="F3474" s="16"/>
      <c r="G3474" s="2"/>
      <c r="H3474" s="2"/>
      <c r="I3474" s="2"/>
      <c r="J3474" s="2"/>
      <c r="K3474" s="2"/>
      <c r="L3474" s="2"/>
    </row>
    <row r="3475" spans="1:12" s="17" customFormat="1" ht="27" customHeight="1" x14ac:dyDescent="0.15">
      <c r="A3475" s="13"/>
      <c r="B3475" s="14"/>
      <c r="C3475" s="13"/>
      <c r="D3475" s="14"/>
      <c r="E3475" s="14"/>
      <c r="F3475" s="16"/>
      <c r="G3475" s="2"/>
      <c r="H3475" s="2"/>
      <c r="I3475" s="2"/>
      <c r="J3475" s="2"/>
      <c r="K3475" s="2"/>
      <c r="L3475" s="2"/>
    </row>
    <row r="3476" spans="1:12" s="17" customFormat="1" ht="27" customHeight="1" x14ac:dyDescent="0.15">
      <c r="A3476" s="13"/>
      <c r="B3476" s="14"/>
      <c r="C3476" s="13"/>
      <c r="D3476" s="14"/>
      <c r="E3476" s="14"/>
      <c r="F3476" s="16"/>
      <c r="G3476" s="2"/>
      <c r="H3476" s="2"/>
      <c r="I3476" s="2"/>
      <c r="J3476" s="2"/>
      <c r="K3476" s="2"/>
      <c r="L3476" s="2"/>
    </row>
    <row r="3477" spans="1:12" s="17" customFormat="1" ht="27" customHeight="1" x14ac:dyDescent="0.15">
      <c r="A3477" s="13"/>
      <c r="B3477" s="14"/>
      <c r="C3477" s="13"/>
      <c r="D3477" s="14"/>
      <c r="E3477" s="14"/>
      <c r="F3477" s="16"/>
      <c r="G3477" s="2"/>
      <c r="H3477" s="2"/>
      <c r="I3477" s="2"/>
      <c r="J3477" s="2"/>
      <c r="K3477" s="2"/>
      <c r="L3477" s="2"/>
    </row>
    <row r="3478" spans="1:12" s="17" customFormat="1" ht="27" customHeight="1" x14ac:dyDescent="0.15">
      <c r="A3478" s="13"/>
      <c r="B3478" s="14"/>
      <c r="C3478" s="13"/>
      <c r="D3478" s="14"/>
      <c r="E3478" s="14"/>
      <c r="F3478" s="16"/>
      <c r="G3478" s="2"/>
      <c r="H3478" s="2"/>
      <c r="I3478" s="2"/>
      <c r="J3478" s="2"/>
      <c r="K3478" s="2"/>
      <c r="L3478" s="2"/>
    </row>
    <row r="3479" spans="1:12" s="17" customFormat="1" ht="27" customHeight="1" x14ac:dyDescent="0.15">
      <c r="A3479" s="13"/>
      <c r="B3479" s="14"/>
      <c r="C3479" s="13"/>
      <c r="D3479" s="14"/>
      <c r="E3479" s="14"/>
      <c r="F3479" s="16"/>
      <c r="G3479" s="2"/>
      <c r="H3479" s="2"/>
      <c r="I3479" s="2"/>
      <c r="J3479" s="2"/>
      <c r="K3479" s="2"/>
      <c r="L3479" s="2"/>
    </row>
    <row r="3480" spans="1:12" s="17" customFormat="1" ht="27" customHeight="1" x14ac:dyDescent="0.15">
      <c r="A3480" s="13"/>
      <c r="B3480" s="14"/>
      <c r="C3480" s="13"/>
      <c r="D3480" s="14"/>
      <c r="E3480" s="14"/>
      <c r="F3480" s="16"/>
      <c r="G3480" s="2"/>
      <c r="H3480" s="2"/>
      <c r="I3480" s="2"/>
      <c r="J3480" s="2"/>
      <c r="K3480" s="2"/>
      <c r="L3480" s="2"/>
    </row>
    <row r="3481" spans="1:12" s="17" customFormat="1" ht="27" customHeight="1" x14ac:dyDescent="0.15">
      <c r="A3481" s="13"/>
      <c r="B3481" s="14"/>
      <c r="C3481" s="13"/>
      <c r="D3481" s="14"/>
      <c r="E3481" s="14"/>
      <c r="F3481" s="16"/>
      <c r="G3481" s="2"/>
      <c r="H3481" s="2"/>
      <c r="I3481" s="2"/>
      <c r="J3481" s="2"/>
      <c r="K3481" s="2"/>
      <c r="L3481" s="2"/>
    </row>
    <row r="3482" spans="1:12" s="17" customFormat="1" ht="27" customHeight="1" x14ac:dyDescent="0.15">
      <c r="A3482" s="13"/>
      <c r="B3482" s="14"/>
      <c r="C3482" s="13"/>
      <c r="D3482" s="14"/>
      <c r="E3482" s="14"/>
      <c r="F3482" s="16"/>
      <c r="G3482" s="2"/>
      <c r="H3482" s="2"/>
      <c r="I3482" s="2"/>
      <c r="J3482" s="2"/>
      <c r="K3482" s="2"/>
      <c r="L3482" s="2"/>
    </row>
    <row r="3483" spans="1:12" s="17" customFormat="1" ht="27" customHeight="1" x14ac:dyDescent="0.15">
      <c r="A3483" s="13"/>
      <c r="B3483" s="14"/>
      <c r="C3483" s="13"/>
      <c r="D3483" s="14"/>
      <c r="E3483" s="14"/>
      <c r="F3483" s="16"/>
      <c r="G3483" s="2"/>
      <c r="H3483" s="2"/>
      <c r="I3483" s="2"/>
      <c r="J3483" s="2"/>
      <c r="K3483" s="2"/>
      <c r="L3483" s="2"/>
    </row>
    <row r="3484" spans="1:12" s="17" customFormat="1" ht="27" customHeight="1" x14ac:dyDescent="0.15">
      <c r="A3484" s="13"/>
      <c r="B3484" s="14"/>
      <c r="C3484" s="13"/>
      <c r="D3484" s="14"/>
      <c r="E3484" s="14"/>
      <c r="F3484" s="16"/>
      <c r="G3484" s="2"/>
      <c r="H3484" s="2"/>
      <c r="I3484" s="2"/>
      <c r="J3484" s="2"/>
      <c r="K3484" s="2"/>
      <c r="L3484" s="2"/>
    </row>
    <row r="3485" spans="1:12" s="17" customFormat="1" ht="27" customHeight="1" x14ac:dyDescent="0.15">
      <c r="A3485" s="13"/>
      <c r="B3485" s="14"/>
      <c r="C3485" s="13"/>
      <c r="D3485" s="14"/>
      <c r="E3485" s="14"/>
      <c r="F3485" s="16"/>
      <c r="G3485" s="2"/>
      <c r="H3485" s="2"/>
      <c r="I3485" s="2"/>
      <c r="J3485" s="2"/>
      <c r="K3485" s="2"/>
      <c r="L3485" s="2"/>
    </row>
    <row r="3486" spans="1:12" s="17" customFormat="1" ht="27" customHeight="1" x14ac:dyDescent="0.15">
      <c r="A3486" s="13"/>
      <c r="B3486" s="14"/>
      <c r="C3486" s="13"/>
      <c r="D3486" s="14"/>
      <c r="E3486" s="14"/>
      <c r="F3486" s="16"/>
      <c r="G3486" s="2"/>
      <c r="H3486" s="2"/>
      <c r="I3486" s="2"/>
      <c r="J3486" s="2"/>
      <c r="K3486" s="2"/>
      <c r="L3486" s="2"/>
    </row>
    <row r="3487" spans="1:12" s="17" customFormat="1" ht="27" customHeight="1" x14ac:dyDescent="0.15">
      <c r="A3487" s="13"/>
      <c r="B3487" s="14"/>
      <c r="C3487" s="13"/>
      <c r="D3487" s="14"/>
      <c r="E3487" s="14"/>
      <c r="F3487" s="16"/>
      <c r="G3487" s="2"/>
      <c r="H3487" s="2"/>
      <c r="I3487" s="2"/>
      <c r="J3487" s="2"/>
      <c r="K3487" s="2"/>
      <c r="L3487" s="2"/>
    </row>
    <row r="3488" spans="1:12" s="17" customFormat="1" ht="27" customHeight="1" x14ac:dyDescent="0.15">
      <c r="A3488" s="13"/>
      <c r="B3488" s="14"/>
      <c r="C3488" s="13"/>
      <c r="D3488" s="14"/>
      <c r="E3488" s="14"/>
      <c r="F3488" s="16"/>
      <c r="G3488" s="2"/>
      <c r="H3488" s="2"/>
      <c r="I3488" s="2"/>
      <c r="J3488" s="2"/>
      <c r="K3488" s="2"/>
      <c r="L3488" s="2"/>
    </row>
    <row r="3489" spans="1:12" s="17" customFormat="1" ht="27" customHeight="1" x14ac:dyDescent="0.15">
      <c r="A3489" s="13"/>
      <c r="B3489" s="14"/>
      <c r="C3489" s="13"/>
      <c r="D3489" s="14"/>
      <c r="E3489" s="14"/>
      <c r="F3489" s="16"/>
      <c r="G3489" s="2"/>
      <c r="H3489" s="2"/>
      <c r="I3489" s="2"/>
      <c r="J3489" s="2"/>
      <c r="K3489" s="2"/>
      <c r="L3489" s="2"/>
    </row>
    <row r="3490" spans="1:12" s="17" customFormat="1" ht="27" customHeight="1" x14ac:dyDescent="0.15">
      <c r="A3490" s="13"/>
      <c r="B3490" s="14"/>
      <c r="C3490" s="13"/>
      <c r="D3490" s="14"/>
      <c r="E3490" s="14"/>
      <c r="F3490" s="16"/>
      <c r="G3490" s="2"/>
      <c r="H3490" s="2"/>
      <c r="I3490" s="2"/>
      <c r="J3490" s="2"/>
      <c r="K3490" s="2"/>
      <c r="L3490" s="2"/>
    </row>
    <row r="3491" spans="1:12" s="17" customFormat="1" ht="27" customHeight="1" x14ac:dyDescent="0.15">
      <c r="A3491" s="13"/>
      <c r="B3491" s="14"/>
      <c r="C3491" s="13"/>
      <c r="D3491" s="14"/>
      <c r="E3491" s="14"/>
      <c r="F3491" s="16"/>
      <c r="G3491" s="2"/>
      <c r="H3491" s="2"/>
      <c r="I3491" s="2"/>
      <c r="J3491" s="2"/>
      <c r="K3491" s="2"/>
      <c r="L3491" s="2"/>
    </row>
    <row r="3492" spans="1:12" s="17" customFormat="1" ht="27" customHeight="1" x14ac:dyDescent="0.15">
      <c r="A3492" s="13"/>
      <c r="B3492" s="14"/>
      <c r="C3492" s="13"/>
      <c r="D3492" s="14"/>
      <c r="E3492" s="14"/>
      <c r="F3492" s="16"/>
      <c r="G3492" s="2"/>
      <c r="H3492" s="2"/>
      <c r="I3492" s="2"/>
      <c r="J3492" s="2"/>
      <c r="K3492" s="2"/>
      <c r="L3492" s="2"/>
    </row>
    <row r="3493" spans="1:12" s="17" customFormat="1" ht="27" customHeight="1" x14ac:dyDescent="0.15">
      <c r="A3493" s="13"/>
      <c r="B3493" s="14"/>
      <c r="C3493" s="13"/>
      <c r="D3493" s="14"/>
      <c r="E3493" s="14"/>
      <c r="F3493" s="16"/>
      <c r="G3493" s="2"/>
      <c r="H3493" s="2"/>
      <c r="I3493" s="2"/>
      <c r="J3493" s="2"/>
      <c r="K3493" s="2"/>
      <c r="L3493" s="2"/>
    </row>
    <row r="3494" spans="1:12" s="17" customFormat="1" ht="27" customHeight="1" x14ac:dyDescent="0.15">
      <c r="A3494" s="13"/>
      <c r="B3494" s="14"/>
      <c r="C3494" s="13"/>
      <c r="D3494" s="14"/>
      <c r="E3494" s="14"/>
      <c r="F3494" s="16"/>
      <c r="G3494" s="2"/>
      <c r="H3494" s="2"/>
      <c r="I3494" s="2"/>
      <c r="J3494" s="2"/>
      <c r="K3494" s="2"/>
      <c r="L3494" s="2"/>
    </row>
    <row r="3495" spans="1:12" s="17" customFormat="1" ht="27" customHeight="1" x14ac:dyDescent="0.15">
      <c r="A3495" s="13"/>
      <c r="B3495" s="14"/>
      <c r="C3495" s="13"/>
      <c r="D3495" s="14"/>
      <c r="E3495" s="14"/>
      <c r="F3495" s="16"/>
      <c r="G3495" s="2"/>
      <c r="H3495" s="2"/>
      <c r="I3495" s="2"/>
      <c r="J3495" s="2"/>
      <c r="K3495" s="2"/>
      <c r="L3495" s="2"/>
    </row>
    <row r="3496" spans="1:12" s="17" customFormat="1" ht="27" customHeight="1" x14ac:dyDescent="0.15">
      <c r="A3496" s="13"/>
      <c r="B3496" s="14"/>
      <c r="C3496" s="13"/>
      <c r="D3496" s="14"/>
      <c r="E3496" s="14"/>
      <c r="F3496" s="16"/>
      <c r="G3496" s="2"/>
      <c r="H3496" s="2"/>
      <c r="I3496" s="2"/>
      <c r="J3496" s="2"/>
      <c r="K3496" s="2"/>
      <c r="L3496" s="2"/>
    </row>
    <row r="3497" spans="1:12" s="17" customFormat="1" ht="27" customHeight="1" x14ac:dyDescent="0.15">
      <c r="A3497" s="13"/>
      <c r="B3497" s="14"/>
      <c r="C3497" s="13"/>
      <c r="D3497" s="14"/>
      <c r="E3497" s="14"/>
      <c r="F3497" s="16"/>
      <c r="G3497" s="2"/>
      <c r="H3497" s="2"/>
      <c r="I3497" s="2"/>
      <c r="J3497" s="2"/>
      <c r="K3497" s="2"/>
      <c r="L3497" s="2"/>
    </row>
    <row r="3498" spans="1:12" s="17" customFormat="1" ht="27" customHeight="1" x14ac:dyDescent="0.15">
      <c r="A3498" s="13"/>
      <c r="B3498" s="14"/>
      <c r="C3498" s="13"/>
      <c r="D3498" s="14"/>
      <c r="E3498" s="14"/>
      <c r="F3498" s="16"/>
      <c r="G3498" s="2"/>
      <c r="H3498" s="2"/>
      <c r="I3498" s="2"/>
      <c r="J3498" s="2"/>
      <c r="K3498" s="2"/>
      <c r="L3498" s="2"/>
    </row>
    <row r="3499" spans="1:12" s="17" customFormat="1" ht="27" customHeight="1" x14ac:dyDescent="0.15">
      <c r="A3499" s="13"/>
      <c r="B3499" s="14"/>
      <c r="C3499" s="13"/>
      <c r="D3499" s="14"/>
      <c r="E3499" s="14"/>
      <c r="F3499" s="16"/>
      <c r="G3499" s="2"/>
      <c r="H3499" s="2"/>
      <c r="I3499" s="2"/>
      <c r="J3499" s="2"/>
      <c r="K3499" s="2"/>
      <c r="L3499" s="2"/>
    </row>
    <row r="3500" spans="1:12" s="17" customFormat="1" ht="27" customHeight="1" x14ac:dyDescent="0.15">
      <c r="A3500" s="13"/>
      <c r="B3500" s="14"/>
      <c r="C3500" s="13"/>
      <c r="D3500" s="14"/>
      <c r="E3500" s="14"/>
      <c r="F3500" s="16"/>
      <c r="G3500" s="2"/>
      <c r="H3500" s="2"/>
      <c r="I3500" s="2"/>
      <c r="J3500" s="2"/>
      <c r="K3500" s="2"/>
      <c r="L3500" s="2"/>
    </row>
    <row r="3501" spans="1:12" s="17" customFormat="1" ht="27" customHeight="1" x14ac:dyDescent="0.15">
      <c r="A3501" s="13"/>
      <c r="B3501" s="14"/>
      <c r="C3501" s="13"/>
      <c r="D3501" s="14"/>
      <c r="E3501" s="14"/>
      <c r="F3501" s="16"/>
      <c r="G3501" s="2"/>
      <c r="H3501" s="2"/>
      <c r="I3501" s="2"/>
      <c r="J3501" s="2"/>
      <c r="K3501" s="2"/>
      <c r="L3501" s="2"/>
    </row>
    <row r="3502" spans="1:12" s="17" customFormat="1" ht="27" customHeight="1" x14ac:dyDescent="0.15">
      <c r="A3502" s="13"/>
      <c r="B3502" s="14"/>
      <c r="C3502" s="13"/>
      <c r="D3502" s="14"/>
      <c r="E3502" s="14"/>
      <c r="F3502" s="16"/>
      <c r="G3502" s="2"/>
      <c r="H3502" s="2"/>
      <c r="I3502" s="2"/>
      <c r="J3502" s="2"/>
      <c r="K3502" s="2"/>
      <c r="L3502" s="2"/>
    </row>
    <row r="3503" spans="1:12" s="17" customFormat="1" ht="27" customHeight="1" x14ac:dyDescent="0.15">
      <c r="A3503" s="13"/>
      <c r="B3503" s="14"/>
      <c r="C3503" s="13"/>
      <c r="D3503" s="14"/>
      <c r="E3503" s="14"/>
      <c r="F3503" s="16"/>
      <c r="G3503" s="2"/>
      <c r="H3503" s="2"/>
      <c r="I3503" s="2"/>
      <c r="J3503" s="2"/>
      <c r="K3503" s="2"/>
      <c r="L3503" s="2"/>
    </row>
    <row r="3504" spans="1:12" s="17" customFormat="1" ht="27" customHeight="1" x14ac:dyDescent="0.15">
      <c r="A3504" s="13"/>
      <c r="B3504" s="14"/>
      <c r="C3504" s="13"/>
      <c r="D3504" s="14"/>
      <c r="E3504" s="14"/>
      <c r="F3504" s="16"/>
      <c r="G3504" s="2"/>
      <c r="H3504" s="2"/>
      <c r="I3504" s="2"/>
      <c r="J3504" s="2"/>
      <c r="K3504" s="2"/>
      <c r="L3504" s="2"/>
    </row>
    <row r="3505" spans="1:12" s="17" customFormat="1" ht="27" customHeight="1" x14ac:dyDescent="0.15">
      <c r="A3505" s="13"/>
      <c r="B3505" s="14"/>
      <c r="C3505" s="13"/>
      <c r="D3505" s="14"/>
      <c r="E3505" s="14"/>
      <c r="F3505" s="16"/>
      <c r="G3505" s="2"/>
      <c r="H3505" s="2"/>
      <c r="I3505" s="2"/>
      <c r="J3505" s="2"/>
      <c r="K3505" s="2"/>
      <c r="L3505" s="2"/>
    </row>
    <row r="3506" spans="1:12" s="17" customFormat="1" ht="27" customHeight="1" x14ac:dyDescent="0.15">
      <c r="A3506" s="13"/>
      <c r="B3506" s="14"/>
      <c r="C3506" s="13"/>
      <c r="D3506" s="14"/>
      <c r="E3506" s="14"/>
      <c r="F3506" s="16"/>
      <c r="G3506" s="2"/>
      <c r="H3506" s="2"/>
      <c r="I3506" s="2"/>
      <c r="J3506" s="2"/>
      <c r="K3506" s="2"/>
      <c r="L3506" s="2"/>
    </row>
    <row r="3507" spans="1:12" s="17" customFormat="1" ht="27" customHeight="1" x14ac:dyDescent="0.15">
      <c r="A3507" s="13"/>
      <c r="B3507" s="14"/>
      <c r="C3507" s="13"/>
      <c r="D3507" s="14"/>
      <c r="E3507" s="14"/>
      <c r="F3507" s="16"/>
      <c r="G3507" s="2"/>
      <c r="H3507" s="2"/>
      <c r="I3507" s="2"/>
      <c r="J3507" s="2"/>
      <c r="K3507" s="2"/>
      <c r="L3507" s="2"/>
    </row>
    <row r="3508" spans="1:12" s="17" customFormat="1" ht="27" customHeight="1" x14ac:dyDescent="0.15">
      <c r="A3508" s="13"/>
      <c r="B3508" s="14"/>
      <c r="C3508" s="13"/>
      <c r="D3508" s="14"/>
      <c r="E3508" s="14"/>
      <c r="F3508" s="16"/>
      <c r="G3508" s="2"/>
      <c r="H3508" s="2"/>
      <c r="I3508" s="2"/>
      <c r="J3508" s="2"/>
      <c r="K3508" s="2"/>
      <c r="L3508" s="2"/>
    </row>
    <row r="3509" spans="1:12" s="17" customFormat="1" ht="27" customHeight="1" x14ac:dyDescent="0.15">
      <c r="A3509" s="13"/>
      <c r="B3509" s="14"/>
      <c r="C3509" s="13"/>
      <c r="D3509" s="14"/>
      <c r="E3509" s="14"/>
      <c r="F3509" s="16"/>
      <c r="G3509" s="2"/>
      <c r="H3509" s="2"/>
      <c r="I3509" s="2"/>
      <c r="J3509" s="2"/>
      <c r="K3509" s="2"/>
      <c r="L3509" s="2"/>
    </row>
    <row r="3510" spans="1:12" s="17" customFormat="1" ht="27" customHeight="1" x14ac:dyDescent="0.15">
      <c r="A3510" s="13"/>
      <c r="B3510" s="14"/>
      <c r="C3510" s="13"/>
      <c r="D3510" s="14"/>
      <c r="E3510" s="14"/>
      <c r="F3510" s="16"/>
      <c r="G3510" s="2"/>
      <c r="H3510" s="2"/>
      <c r="I3510" s="2"/>
      <c r="J3510" s="2"/>
      <c r="K3510" s="2"/>
      <c r="L3510" s="2"/>
    </row>
    <row r="3511" spans="1:12" s="17" customFormat="1" ht="27" customHeight="1" x14ac:dyDescent="0.15">
      <c r="A3511" s="13"/>
      <c r="B3511" s="14"/>
      <c r="C3511" s="13"/>
      <c r="D3511" s="14"/>
      <c r="E3511" s="14"/>
      <c r="F3511" s="16"/>
      <c r="G3511" s="2"/>
      <c r="H3511" s="2"/>
      <c r="I3511" s="2"/>
      <c r="J3511" s="2"/>
      <c r="K3511" s="2"/>
      <c r="L3511" s="2"/>
    </row>
    <row r="3512" spans="1:12" s="17" customFormat="1" ht="27" customHeight="1" x14ac:dyDescent="0.15">
      <c r="A3512" s="13"/>
      <c r="B3512" s="14"/>
      <c r="C3512" s="13"/>
      <c r="D3512" s="14"/>
      <c r="E3512" s="14"/>
      <c r="F3512" s="16"/>
      <c r="G3512" s="2"/>
      <c r="H3512" s="2"/>
      <c r="I3512" s="2"/>
      <c r="J3512" s="2"/>
      <c r="K3512" s="2"/>
      <c r="L3512" s="2"/>
    </row>
    <row r="3513" spans="1:12" s="17" customFormat="1" ht="27" customHeight="1" x14ac:dyDescent="0.15">
      <c r="A3513" s="13"/>
      <c r="B3513" s="14"/>
      <c r="C3513" s="13"/>
      <c r="D3513" s="14"/>
      <c r="E3513" s="14"/>
      <c r="F3513" s="16"/>
      <c r="G3513" s="2"/>
      <c r="H3513" s="2"/>
      <c r="I3513" s="2"/>
      <c r="J3513" s="2"/>
      <c r="K3513" s="2"/>
      <c r="L3513" s="2"/>
    </row>
    <row r="3514" spans="1:12" s="17" customFormat="1" ht="27" customHeight="1" x14ac:dyDescent="0.15">
      <c r="A3514" s="13"/>
      <c r="B3514" s="14"/>
      <c r="C3514" s="13"/>
      <c r="D3514" s="14"/>
      <c r="E3514" s="14"/>
      <c r="F3514" s="16"/>
      <c r="G3514" s="2"/>
      <c r="H3514" s="2"/>
      <c r="I3514" s="2"/>
      <c r="J3514" s="2"/>
      <c r="K3514" s="2"/>
      <c r="L3514" s="2"/>
    </row>
    <row r="3515" spans="1:12" s="17" customFormat="1" ht="27" customHeight="1" x14ac:dyDescent="0.15">
      <c r="A3515" s="13"/>
      <c r="B3515" s="14"/>
      <c r="C3515" s="13"/>
      <c r="D3515" s="14"/>
      <c r="E3515" s="14"/>
      <c r="F3515" s="16"/>
      <c r="G3515" s="2"/>
      <c r="H3515" s="2"/>
      <c r="I3515" s="2"/>
      <c r="J3515" s="2"/>
      <c r="K3515" s="2"/>
      <c r="L3515" s="2"/>
    </row>
    <row r="3516" spans="1:12" s="17" customFormat="1" ht="27" customHeight="1" x14ac:dyDescent="0.15">
      <c r="A3516" s="13"/>
      <c r="B3516" s="14"/>
      <c r="C3516" s="13"/>
      <c r="D3516" s="14"/>
      <c r="E3516" s="14"/>
      <c r="F3516" s="16"/>
      <c r="G3516" s="2"/>
      <c r="H3516" s="2"/>
      <c r="I3516" s="2"/>
      <c r="J3516" s="2"/>
      <c r="K3516" s="2"/>
      <c r="L3516" s="2"/>
    </row>
    <row r="3517" spans="1:12" s="17" customFormat="1" ht="27" customHeight="1" x14ac:dyDescent="0.15">
      <c r="A3517" s="13"/>
      <c r="B3517" s="14"/>
      <c r="C3517" s="13"/>
      <c r="D3517" s="14"/>
      <c r="E3517" s="14"/>
      <c r="F3517" s="16"/>
      <c r="G3517" s="2"/>
      <c r="H3517" s="2"/>
      <c r="I3517" s="2"/>
      <c r="J3517" s="2"/>
      <c r="K3517" s="2"/>
      <c r="L3517" s="2"/>
    </row>
    <row r="3518" spans="1:12" s="17" customFormat="1" ht="27" customHeight="1" x14ac:dyDescent="0.15">
      <c r="A3518" s="13"/>
      <c r="B3518" s="14"/>
      <c r="C3518" s="13"/>
      <c r="D3518" s="14"/>
      <c r="E3518" s="14"/>
      <c r="F3518" s="16"/>
      <c r="G3518" s="2"/>
      <c r="H3518" s="2"/>
      <c r="I3518" s="2"/>
      <c r="J3518" s="2"/>
      <c r="K3518" s="2"/>
      <c r="L3518" s="2"/>
    </row>
    <row r="3519" spans="1:12" s="17" customFormat="1" ht="27" customHeight="1" x14ac:dyDescent="0.15">
      <c r="A3519" s="13"/>
      <c r="B3519" s="14"/>
      <c r="C3519" s="13"/>
      <c r="D3519" s="14"/>
      <c r="E3519" s="14"/>
      <c r="F3519" s="16"/>
      <c r="G3519" s="2"/>
      <c r="H3519" s="2"/>
      <c r="I3519" s="2"/>
      <c r="J3519" s="2"/>
      <c r="K3519" s="2"/>
      <c r="L3519" s="2"/>
    </row>
    <row r="3520" spans="1:12" s="17" customFormat="1" ht="27" customHeight="1" x14ac:dyDescent="0.15">
      <c r="A3520" s="13"/>
      <c r="B3520" s="14"/>
      <c r="C3520" s="13"/>
      <c r="D3520" s="14"/>
      <c r="E3520" s="14"/>
      <c r="F3520" s="16"/>
      <c r="G3520" s="2"/>
      <c r="H3520" s="2"/>
      <c r="I3520" s="2"/>
      <c r="J3520" s="2"/>
      <c r="K3520" s="2"/>
      <c r="L3520" s="2"/>
    </row>
    <row r="3521" spans="1:12" s="17" customFormat="1" ht="27" customHeight="1" x14ac:dyDescent="0.15">
      <c r="A3521" s="13"/>
      <c r="B3521" s="14"/>
      <c r="C3521" s="13"/>
      <c r="D3521" s="14"/>
      <c r="E3521" s="14"/>
      <c r="F3521" s="16"/>
      <c r="G3521" s="2"/>
      <c r="H3521" s="2"/>
      <c r="I3521" s="2"/>
      <c r="J3521" s="2"/>
      <c r="K3521" s="2"/>
      <c r="L3521" s="2"/>
    </row>
    <row r="3522" spans="1:12" s="17" customFormat="1" ht="27" customHeight="1" x14ac:dyDescent="0.15">
      <c r="A3522" s="13"/>
      <c r="B3522" s="14"/>
      <c r="C3522" s="13"/>
      <c r="D3522" s="14"/>
      <c r="E3522" s="14"/>
      <c r="F3522" s="16"/>
      <c r="G3522" s="2"/>
      <c r="H3522" s="2"/>
      <c r="I3522" s="2"/>
      <c r="J3522" s="2"/>
      <c r="K3522" s="2"/>
      <c r="L3522" s="2"/>
    </row>
    <row r="3523" spans="1:12" s="17" customFormat="1" ht="27" customHeight="1" x14ac:dyDescent="0.15">
      <c r="A3523" s="13"/>
      <c r="B3523" s="14"/>
      <c r="C3523" s="13"/>
      <c r="D3523" s="14"/>
      <c r="E3523" s="14"/>
      <c r="F3523" s="16"/>
      <c r="G3523" s="2"/>
      <c r="H3523" s="2"/>
      <c r="I3523" s="2"/>
      <c r="J3523" s="2"/>
      <c r="K3523" s="2"/>
      <c r="L3523" s="2"/>
    </row>
    <row r="3524" spans="1:12" s="17" customFormat="1" ht="27" customHeight="1" x14ac:dyDescent="0.15">
      <c r="A3524" s="13"/>
      <c r="B3524" s="14"/>
      <c r="C3524" s="13"/>
      <c r="D3524" s="14"/>
      <c r="E3524" s="14"/>
      <c r="F3524" s="16"/>
      <c r="G3524" s="2"/>
      <c r="H3524" s="2"/>
      <c r="I3524" s="2"/>
      <c r="J3524" s="2"/>
      <c r="K3524" s="2"/>
      <c r="L3524" s="2"/>
    </row>
    <row r="3525" spans="1:12" s="17" customFormat="1" ht="27" customHeight="1" x14ac:dyDescent="0.15">
      <c r="A3525" s="13"/>
      <c r="B3525" s="14"/>
      <c r="C3525" s="13"/>
      <c r="D3525" s="14"/>
      <c r="E3525" s="14"/>
      <c r="F3525" s="16"/>
      <c r="G3525" s="2"/>
      <c r="H3525" s="2"/>
      <c r="I3525" s="2"/>
      <c r="J3525" s="2"/>
      <c r="K3525" s="2"/>
      <c r="L3525" s="2"/>
    </row>
    <row r="3526" spans="1:12" s="17" customFormat="1" ht="27" customHeight="1" x14ac:dyDescent="0.15">
      <c r="A3526" s="13"/>
      <c r="B3526" s="14"/>
      <c r="C3526" s="13"/>
      <c r="D3526" s="14"/>
      <c r="E3526" s="14"/>
      <c r="F3526" s="16"/>
      <c r="G3526" s="2"/>
      <c r="H3526" s="2"/>
      <c r="I3526" s="2"/>
      <c r="J3526" s="2"/>
      <c r="K3526" s="2"/>
      <c r="L3526" s="2"/>
    </row>
    <row r="3527" spans="1:12" s="17" customFormat="1" ht="27" customHeight="1" x14ac:dyDescent="0.15">
      <c r="A3527" s="13"/>
      <c r="B3527" s="14"/>
      <c r="C3527" s="13"/>
      <c r="D3527" s="14"/>
      <c r="E3527" s="14"/>
      <c r="F3527" s="16"/>
      <c r="G3527" s="2"/>
      <c r="H3527" s="2"/>
      <c r="I3527" s="2"/>
      <c r="J3527" s="2"/>
      <c r="K3527" s="2"/>
      <c r="L3527" s="2"/>
    </row>
    <row r="3528" spans="1:12" s="17" customFormat="1" ht="27" customHeight="1" x14ac:dyDescent="0.15">
      <c r="A3528" s="13"/>
      <c r="B3528" s="14"/>
      <c r="C3528" s="13"/>
      <c r="D3528" s="14"/>
      <c r="E3528" s="14"/>
      <c r="F3528" s="16"/>
      <c r="G3528" s="2"/>
      <c r="H3528" s="2"/>
      <c r="I3528" s="2"/>
      <c r="J3528" s="2"/>
      <c r="K3528" s="2"/>
      <c r="L3528" s="2"/>
    </row>
    <row r="3529" spans="1:12" s="17" customFormat="1" ht="27" customHeight="1" x14ac:dyDescent="0.15">
      <c r="A3529" s="13"/>
      <c r="B3529" s="14"/>
      <c r="C3529" s="13"/>
      <c r="D3529" s="14"/>
      <c r="E3529" s="14"/>
      <c r="F3529" s="16"/>
      <c r="G3529" s="2"/>
      <c r="H3529" s="2"/>
      <c r="I3529" s="2"/>
      <c r="J3529" s="2"/>
      <c r="K3529" s="2"/>
      <c r="L3529" s="2"/>
    </row>
    <row r="3530" spans="1:12" s="17" customFormat="1" ht="27" customHeight="1" x14ac:dyDescent="0.15">
      <c r="A3530" s="13"/>
      <c r="B3530" s="14"/>
      <c r="C3530" s="13"/>
      <c r="D3530" s="14"/>
      <c r="E3530" s="14"/>
      <c r="F3530" s="16"/>
      <c r="G3530" s="2"/>
      <c r="H3530" s="2"/>
      <c r="I3530" s="2"/>
      <c r="J3530" s="2"/>
      <c r="K3530" s="2"/>
      <c r="L3530" s="2"/>
    </row>
    <row r="3531" spans="1:12" s="17" customFormat="1" ht="27" customHeight="1" x14ac:dyDescent="0.15">
      <c r="A3531" s="13"/>
      <c r="B3531" s="14"/>
      <c r="C3531" s="13"/>
      <c r="D3531" s="14"/>
      <c r="E3531" s="14"/>
      <c r="F3531" s="16"/>
      <c r="G3531" s="2"/>
      <c r="H3531" s="2"/>
      <c r="I3531" s="2"/>
      <c r="J3531" s="2"/>
      <c r="K3531" s="2"/>
      <c r="L3531" s="2"/>
    </row>
    <row r="3532" spans="1:12" s="17" customFormat="1" ht="27" customHeight="1" x14ac:dyDescent="0.15">
      <c r="A3532" s="13"/>
      <c r="B3532" s="14"/>
      <c r="C3532" s="13"/>
      <c r="D3532" s="14"/>
      <c r="E3532" s="14"/>
      <c r="F3532" s="16"/>
      <c r="G3532" s="2"/>
      <c r="H3532" s="2"/>
      <c r="I3532" s="2"/>
      <c r="J3532" s="2"/>
      <c r="K3532" s="2"/>
      <c r="L3532" s="2"/>
    </row>
    <row r="3533" spans="1:12" s="17" customFormat="1" ht="27" customHeight="1" x14ac:dyDescent="0.15">
      <c r="A3533" s="13"/>
      <c r="B3533" s="14"/>
      <c r="C3533" s="13"/>
      <c r="D3533" s="14"/>
      <c r="E3533" s="14"/>
      <c r="F3533" s="16"/>
      <c r="G3533" s="2"/>
      <c r="H3533" s="2"/>
      <c r="I3533" s="2"/>
      <c r="J3533" s="2"/>
      <c r="K3533" s="2"/>
      <c r="L3533" s="2"/>
    </row>
    <row r="3534" spans="1:12" s="17" customFormat="1" ht="27" customHeight="1" x14ac:dyDescent="0.15">
      <c r="A3534" s="13"/>
      <c r="B3534" s="14"/>
      <c r="C3534" s="13"/>
      <c r="D3534" s="14"/>
      <c r="E3534" s="14"/>
      <c r="F3534" s="16"/>
      <c r="G3534" s="2"/>
      <c r="H3534" s="2"/>
      <c r="I3534" s="2"/>
      <c r="J3534" s="2"/>
      <c r="K3534" s="2"/>
      <c r="L3534" s="2"/>
    </row>
    <row r="3535" spans="1:12" s="17" customFormat="1" ht="27" customHeight="1" x14ac:dyDescent="0.15">
      <c r="A3535" s="13"/>
      <c r="B3535" s="14"/>
      <c r="C3535" s="13"/>
      <c r="D3535" s="14"/>
      <c r="E3535" s="14"/>
      <c r="F3535" s="16"/>
      <c r="G3535" s="2"/>
      <c r="H3535" s="2"/>
      <c r="I3535" s="2"/>
      <c r="J3535" s="2"/>
      <c r="K3535" s="2"/>
      <c r="L3535" s="2"/>
    </row>
    <row r="3536" spans="1:12" s="17" customFormat="1" ht="27" customHeight="1" x14ac:dyDescent="0.15">
      <c r="A3536" s="13"/>
      <c r="B3536" s="14"/>
      <c r="C3536" s="13"/>
      <c r="D3536" s="14"/>
      <c r="E3536" s="14"/>
      <c r="F3536" s="16"/>
      <c r="G3536" s="2"/>
      <c r="H3536" s="2"/>
      <c r="I3536" s="2"/>
      <c r="J3536" s="2"/>
      <c r="K3536" s="2"/>
      <c r="L3536" s="2"/>
    </row>
    <row r="3537" spans="1:12" s="17" customFormat="1" ht="27" customHeight="1" x14ac:dyDescent="0.15">
      <c r="A3537" s="13"/>
      <c r="B3537" s="14"/>
      <c r="C3537" s="13"/>
      <c r="D3537" s="14"/>
      <c r="E3537" s="14"/>
      <c r="F3537" s="16"/>
      <c r="G3537" s="2"/>
      <c r="H3537" s="2"/>
      <c r="I3537" s="2"/>
      <c r="J3537" s="2"/>
      <c r="K3537" s="2"/>
      <c r="L3537" s="2"/>
    </row>
    <row r="3538" spans="1:12" s="17" customFormat="1" ht="27" customHeight="1" x14ac:dyDescent="0.15">
      <c r="A3538" s="13"/>
      <c r="B3538" s="14"/>
      <c r="C3538" s="13"/>
      <c r="D3538" s="14"/>
      <c r="E3538" s="14"/>
      <c r="F3538" s="16"/>
      <c r="G3538" s="2"/>
      <c r="H3538" s="2"/>
      <c r="I3538" s="2"/>
      <c r="J3538" s="2"/>
      <c r="K3538" s="2"/>
      <c r="L3538" s="2"/>
    </row>
    <row r="3539" spans="1:12" s="17" customFormat="1" ht="27" customHeight="1" x14ac:dyDescent="0.15">
      <c r="A3539" s="13"/>
      <c r="B3539" s="14"/>
      <c r="C3539" s="13"/>
      <c r="D3539" s="14"/>
      <c r="E3539" s="14"/>
      <c r="F3539" s="16"/>
      <c r="G3539" s="2"/>
      <c r="H3539" s="2"/>
      <c r="I3539" s="2"/>
      <c r="J3539" s="2"/>
      <c r="K3539" s="2"/>
      <c r="L3539" s="2"/>
    </row>
    <row r="3540" spans="1:12" s="17" customFormat="1" ht="27" customHeight="1" x14ac:dyDescent="0.15">
      <c r="A3540" s="13"/>
      <c r="B3540" s="14"/>
      <c r="C3540" s="13"/>
      <c r="D3540" s="14"/>
      <c r="E3540" s="14"/>
      <c r="F3540" s="16"/>
      <c r="G3540" s="2"/>
      <c r="H3540" s="2"/>
      <c r="I3540" s="2"/>
      <c r="J3540" s="2"/>
      <c r="K3540" s="2"/>
      <c r="L3540" s="2"/>
    </row>
    <row r="3541" spans="1:12" s="17" customFormat="1" ht="27" customHeight="1" x14ac:dyDescent="0.15">
      <c r="A3541" s="13"/>
      <c r="B3541" s="14"/>
      <c r="C3541" s="13"/>
      <c r="D3541" s="14"/>
      <c r="E3541" s="14"/>
      <c r="F3541" s="16"/>
      <c r="G3541" s="2"/>
      <c r="H3541" s="2"/>
      <c r="I3541" s="2"/>
      <c r="J3541" s="2"/>
      <c r="K3541" s="2"/>
      <c r="L3541" s="2"/>
    </row>
    <row r="3542" spans="1:12" s="17" customFormat="1" ht="27" customHeight="1" x14ac:dyDescent="0.15">
      <c r="A3542" s="13"/>
      <c r="B3542" s="14"/>
      <c r="C3542" s="13"/>
      <c r="D3542" s="14"/>
      <c r="E3542" s="14"/>
      <c r="F3542" s="16"/>
      <c r="G3542" s="2"/>
      <c r="H3542" s="2"/>
      <c r="I3542" s="2"/>
      <c r="J3542" s="2"/>
      <c r="K3542" s="2"/>
      <c r="L3542" s="2"/>
    </row>
    <row r="3543" spans="1:12" s="17" customFormat="1" ht="27" customHeight="1" x14ac:dyDescent="0.15">
      <c r="A3543" s="13"/>
      <c r="B3543" s="14"/>
      <c r="C3543" s="13"/>
      <c r="D3543" s="14"/>
      <c r="E3543" s="14"/>
      <c r="F3543" s="16"/>
      <c r="G3543" s="2"/>
      <c r="H3543" s="2"/>
      <c r="I3543" s="2"/>
      <c r="J3543" s="2"/>
      <c r="K3543" s="2"/>
      <c r="L3543" s="2"/>
    </row>
    <row r="3544" spans="1:12" s="17" customFormat="1" ht="27" customHeight="1" x14ac:dyDescent="0.15">
      <c r="A3544" s="13"/>
      <c r="B3544" s="14"/>
      <c r="C3544" s="13"/>
      <c r="D3544" s="14"/>
      <c r="E3544" s="14"/>
      <c r="F3544" s="16"/>
      <c r="G3544" s="2"/>
      <c r="H3544" s="2"/>
      <c r="I3544" s="2"/>
      <c r="J3544" s="2"/>
      <c r="K3544" s="2"/>
      <c r="L3544" s="2"/>
    </row>
    <row r="3545" spans="1:12" s="17" customFormat="1" ht="27" customHeight="1" x14ac:dyDescent="0.15">
      <c r="A3545" s="13"/>
      <c r="B3545" s="14"/>
      <c r="C3545" s="13"/>
      <c r="D3545" s="14"/>
      <c r="E3545" s="14"/>
      <c r="F3545" s="16"/>
      <c r="G3545" s="2"/>
      <c r="H3545" s="2"/>
      <c r="I3545" s="2"/>
      <c r="J3545" s="2"/>
      <c r="K3545" s="2"/>
      <c r="L3545" s="2"/>
    </row>
    <row r="3546" spans="1:12" s="17" customFormat="1" ht="27" customHeight="1" x14ac:dyDescent="0.15">
      <c r="A3546" s="13"/>
      <c r="B3546" s="14"/>
      <c r="C3546" s="13"/>
      <c r="D3546" s="14"/>
      <c r="E3546" s="14"/>
      <c r="F3546" s="16"/>
      <c r="G3546" s="2"/>
      <c r="H3546" s="2"/>
      <c r="I3546" s="2"/>
      <c r="J3546" s="2"/>
      <c r="K3546" s="2"/>
      <c r="L3546" s="2"/>
    </row>
    <row r="3547" spans="1:12" s="17" customFormat="1" ht="27" customHeight="1" x14ac:dyDescent="0.15">
      <c r="A3547" s="13"/>
      <c r="B3547" s="14"/>
      <c r="C3547" s="13"/>
      <c r="D3547" s="14"/>
      <c r="E3547" s="14"/>
      <c r="F3547" s="16"/>
      <c r="G3547" s="2"/>
      <c r="H3547" s="2"/>
      <c r="I3547" s="2"/>
      <c r="J3547" s="2"/>
      <c r="K3547" s="2"/>
      <c r="L3547" s="2"/>
    </row>
    <row r="3548" spans="1:12" s="17" customFormat="1" ht="27" customHeight="1" x14ac:dyDescent="0.15">
      <c r="A3548" s="13"/>
      <c r="B3548" s="14"/>
      <c r="C3548" s="13"/>
      <c r="D3548" s="14"/>
      <c r="E3548" s="14"/>
      <c r="F3548" s="16"/>
      <c r="G3548" s="2"/>
      <c r="H3548" s="2"/>
      <c r="I3548" s="2"/>
      <c r="J3548" s="2"/>
      <c r="K3548" s="2"/>
      <c r="L3548" s="2"/>
    </row>
    <row r="3549" spans="1:12" s="17" customFormat="1" ht="27" customHeight="1" x14ac:dyDescent="0.15">
      <c r="A3549" s="13"/>
      <c r="B3549" s="14"/>
      <c r="C3549" s="13"/>
      <c r="D3549" s="14"/>
      <c r="E3549" s="14"/>
      <c r="F3549" s="16"/>
      <c r="G3549" s="2"/>
      <c r="H3549" s="2"/>
      <c r="I3549" s="2"/>
      <c r="J3549" s="2"/>
      <c r="K3549" s="2"/>
      <c r="L3549" s="2"/>
    </row>
    <row r="3550" spans="1:12" s="17" customFormat="1" ht="27" customHeight="1" x14ac:dyDescent="0.15">
      <c r="A3550" s="13"/>
      <c r="B3550" s="14"/>
      <c r="C3550" s="13"/>
      <c r="D3550" s="14"/>
      <c r="E3550" s="14"/>
      <c r="F3550" s="16"/>
      <c r="G3550" s="2"/>
      <c r="H3550" s="2"/>
      <c r="I3550" s="2"/>
      <c r="J3550" s="2"/>
      <c r="K3550" s="2"/>
      <c r="L3550" s="2"/>
    </row>
    <row r="3551" spans="1:12" s="17" customFormat="1" ht="27" customHeight="1" x14ac:dyDescent="0.15">
      <c r="A3551" s="13"/>
      <c r="B3551" s="14"/>
      <c r="C3551" s="13"/>
      <c r="D3551" s="14"/>
      <c r="E3551" s="14"/>
      <c r="F3551" s="16"/>
      <c r="G3551" s="2"/>
      <c r="H3551" s="2"/>
      <c r="I3551" s="2"/>
      <c r="J3551" s="2"/>
      <c r="K3551" s="2"/>
      <c r="L3551" s="2"/>
    </row>
    <row r="3552" spans="1:12" s="17" customFormat="1" ht="27" customHeight="1" x14ac:dyDescent="0.15">
      <c r="A3552" s="13"/>
      <c r="B3552" s="14"/>
      <c r="C3552" s="13"/>
      <c r="D3552" s="14"/>
      <c r="E3552" s="14"/>
      <c r="F3552" s="16"/>
      <c r="G3552" s="2"/>
      <c r="H3552" s="2"/>
      <c r="I3552" s="2"/>
      <c r="J3552" s="2"/>
      <c r="K3552" s="2"/>
      <c r="L3552" s="2"/>
    </row>
    <row r="3553" spans="1:12" s="17" customFormat="1" ht="27" customHeight="1" x14ac:dyDescent="0.15">
      <c r="A3553" s="13"/>
      <c r="B3553" s="14"/>
      <c r="C3553" s="13"/>
      <c r="D3553" s="14"/>
      <c r="E3553" s="14"/>
      <c r="F3553" s="16"/>
      <c r="G3553" s="2"/>
      <c r="H3553" s="2"/>
      <c r="I3553" s="2"/>
      <c r="J3553" s="2"/>
      <c r="K3553" s="2"/>
      <c r="L3553" s="2"/>
    </row>
    <row r="3554" spans="1:12" s="17" customFormat="1" ht="27" customHeight="1" x14ac:dyDescent="0.15">
      <c r="A3554" s="13"/>
      <c r="B3554" s="14"/>
      <c r="C3554" s="13"/>
      <c r="D3554" s="14"/>
      <c r="E3554" s="14"/>
      <c r="F3554" s="16"/>
      <c r="G3554" s="2"/>
      <c r="H3554" s="2"/>
      <c r="I3554" s="2"/>
      <c r="J3554" s="2"/>
      <c r="K3554" s="2"/>
      <c r="L3554" s="2"/>
    </row>
    <row r="3555" spans="1:12" s="17" customFormat="1" ht="27" customHeight="1" x14ac:dyDescent="0.15">
      <c r="A3555" s="13"/>
      <c r="B3555" s="14"/>
      <c r="C3555" s="13"/>
      <c r="D3555" s="14"/>
      <c r="E3555" s="14"/>
      <c r="F3555" s="16"/>
      <c r="G3555" s="2"/>
      <c r="H3555" s="2"/>
      <c r="I3555" s="2"/>
      <c r="J3555" s="2"/>
      <c r="K3555" s="2"/>
      <c r="L3555" s="2"/>
    </row>
    <row r="3556" spans="1:12" s="17" customFormat="1" ht="27" customHeight="1" x14ac:dyDescent="0.15">
      <c r="A3556" s="13"/>
      <c r="B3556" s="14"/>
      <c r="C3556" s="13"/>
      <c r="D3556" s="14"/>
      <c r="E3556" s="14"/>
      <c r="F3556" s="16"/>
      <c r="G3556" s="2"/>
      <c r="H3556" s="2"/>
      <c r="I3556" s="2"/>
      <c r="J3556" s="2"/>
      <c r="K3556" s="2"/>
      <c r="L3556" s="2"/>
    </row>
    <row r="3557" spans="1:12" s="17" customFormat="1" ht="27" customHeight="1" x14ac:dyDescent="0.15">
      <c r="A3557" s="13"/>
      <c r="B3557" s="14"/>
      <c r="C3557" s="13"/>
      <c r="D3557" s="14"/>
      <c r="E3557" s="14"/>
      <c r="F3557" s="16"/>
      <c r="G3557" s="2"/>
      <c r="H3557" s="2"/>
      <c r="I3557" s="2"/>
      <c r="J3557" s="2"/>
      <c r="K3557" s="2"/>
      <c r="L3557" s="2"/>
    </row>
    <row r="3558" spans="1:12" s="17" customFormat="1" ht="27" customHeight="1" x14ac:dyDescent="0.15">
      <c r="A3558" s="13"/>
      <c r="B3558" s="14"/>
      <c r="C3558" s="13"/>
      <c r="D3558" s="14"/>
      <c r="E3558" s="14"/>
      <c r="F3558" s="16"/>
      <c r="G3558" s="2"/>
      <c r="H3558" s="2"/>
      <c r="I3558" s="2"/>
      <c r="J3558" s="2"/>
      <c r="K3558" s="2"/>
      <c r="L3558" s="2"/>
    </row>
    <row r="3559" spans="1:12" s="17" customFormat="1" ht="27" customHeight="1" x14ac:dyDescent="0.15">
      <c r="A3559" s="13"/>
      <c r="B3559" s="14"/>
      <c r="C3559" s="13"/>
      <c r="D3559" s="14"/>
      <c r="E3559" s="14"/>
      <c r="F3559" s="16"/>
      <c r="G3559" s="2"/>
      <c r="H3559" s="2"/>
      <c r="I3559" s="2"/>
      <c r="J3559" s="2"/>
      <c r="K3559" s="2"/>
      <c r="L3559" s="2"/>
    </row>
    <row r="3560" spans="1:12" s="17" customFormat="1" ht="27" customHeight="1" x14ac:dyDescent="0.15">
      <c r="A3560" s="13"/>
      <c r="B3560" s="14"/>
      <c r="C3560" s="13"/>
      <c r="D3560" s="14"/>
      <c r="E3560" s="14"/>
      <c r="F3560" s="16"/>
      <c r="G3560" s="2"/>
      <c r="H3560" s="2"/>
      <c r="I3560" s="2"/>
      <c r="J3560" s="2"/>
      <c r="K3560" s="2"/>
      <c r="L3560" s="2"/>
    </row>
    <row r="3561" spans="1:12" s="17" customFormat="1" ht="27" customHeight="1" x14ac:dyDescent="0.15">
      <c r="A3561" s="13"/>
      <c r="B3561" s="14"/>
      <c r="C3561" s="13"/>
      <c r="D3561" s="14"/>
      <c r="E3561" s="14"/>
      <c r="F3561" s="16"/>
      <c r="G3561" s="2"/>
      <c r="H3561" s="2"/>
      <c r="I3561" s="2"/>
      <c r="J3561" s="2"/>
      <c r="K3561" s="2"/>
      <c r="L3561" s="2"/>
    </row>
    <row r="3562" spans="1:12" s="17" customFormat="1" ht="27" customHeight="1" x14ac:dyDescent="0.15">
      <c r="A3562" s="13"/>
      <c r="B3562" s="14"/>
      <c r="C3562" s="13"/>
      <c r="D3562" s="14"/>
      <c r="E3562" s="14"/>
      <c r="F3562" s="16"/>
      <c r="G3562" s="2"/>
      <c r="H3562" s="2"/>
      <c r="I3562" s="2"/>
      <c r="J3562" s="2"/>
      <c r="K3562" s="2"/>
      <c r="L3562" s="2"/>
    </row>
    <row r="3563" spans="1:12" s="17" customFormat="1" ht="27" customHeight="1" x14ac:dyDescent="0.15">
      <c r="A3563" s="13"/>
      <c r="B3563" s="14"/>
      <c r="C3563" s="13"/>
      <c r="D3563" s="14"/>
      <c r="E3563" s="14"/>
      <c r="F3563" s="16"/>
      <c r="G3563" s="2"/>
      <c r="H3563" s="2"/>
      <c r="I3563" s="2"/>
      <c r="J3563" s="2"/>
      <c r="K3563" s="2"/>
      <c r="L3563" s="2"/>
    </row>
    <row r="3564" spans="1:12" s="17" customFormat="1" ht="27" customHeight="1" x14ac:dyDescent="0.15">
      <c r="A3564" s="13"/>
      <c r="B3564" s="14"/>
      <c r="C3564" s="13"/>
      <c r="D3564" s="14"/>
      <c r="E3564" s="14"/>
      <c r="F3564" s="16"/>
      <c r="G3564" s="2"/>
      <c r="H3564" s="2"/>
      <c r="I3564" s="2"/>
      <c r="J3564" s="2"/>
      <c r="K3564" s="2"/>
      <c r="L3564" s="2"/>
    </row>
    <row r="3565" spans="1:12" s="17" customFormat="1" ht="27" customHeight="1" x14ac:dyDescent="0.15">
      <c r="A3565" s="13"/>
      <c r="B3565" s="14"/>
      <c r="C3565" s="13"/>
      <c r="D3565" s="14"/>
      <c r="E3565" s="14"/>
      <c r="F3565" s="16"/>
      <c r="G3565" s="2"/>
      <c r="H3565" s="2"/>
      <c r="I3565" s="2"/>
      <c r="J3565" s="2"/>
      <c r="K3565" s="2"/>
      <c r="L3565" s="2"/>
    </row>
    <row r="3566" spans="1:12" s="17" customFormat="1" ht="27" customHeight="1" x14ac:dyDescent="0.15">
      <c r="A3566" s="13"/>
      <c r="B3566" s="14"/>
      <c r="C3566" s="13"/>
      <c r="D3566" s="14"/>
      <c r="E3566" s="14"/>
      <c r="F3566" s="16"/>
      <c r="G3566" s="2"/>
      <c r="H3566" s="2"/>
      <c r="I3566" s="2"/>
      <c r="J3566" s="2"/>
      <c r="K3566" s="2"/>
      <c r="L3566" s="2"/>
    </row>
    <row r="3567" spans="1:12" s="17" customFormat="1" ht="27" customHeight="1" x14ac:dyDescent="0.15">
      <c r="A3567" s="13"/>
      <c r="B3567" s="14"/>
      <c r="C3567" s="13"/>
      <c r="D3567" s="14"/>
      <c r="E3567" s="14"/>
      <c r="F3567" s="16"/>
      <c r="G3567" s="2"/>
      <c r="H3567" s="2"/>
      <c r="I3567" s="2"/>
      <c r="J3567" s="2"/>
      <c r="K3567" s="2"/>
      <c r="L3567" s="2"/>
    </row>
    <row r="3568" spans="1:12" s="17" customFormat="1" ht="27" customHeight="1" x14ac:dyDescent="0.15">
      <c r="A3568" s="13"/>
      <c r="B3568" s="14"/>
      <c r="C3568" s="13"/>
      <c r="D3568" s="14"/>
      <c r="E3568" s="14"/>
      <c r="F3568" s="16"/>
      <c r="G3568" s="2"/>
      <c r="H3568" s="2"/>
      <c r="I3568" s="2"/>
      <c r="J3568" s="2"/>
      <c r="K3568" s="2"/>
      <c r="L3568" s="2"/>
    </row>
    <row r="3569" spans="1:12" s="17" customFormat="1" ht="27" customHeight="1" x14ac:dyDescent="0.15">
      <c r="A3569" s="13"/>
      <c r="B3569" s="14"/>
      <c r="C3569" s="13"/>
      <c r="D3569" s="14"/>
      <c r="E3569" s="14"/>
      <c r="F3569" s="16"/>
      <c r="G3569" s="2"/>
      <c r="H3569" s="2"/>
      <c r="I3569" s="2"/>
      <c r="J3569" s="2"/>
      <c r="K3569" s="2"/>
      <c r="L3569" s="2"/>
    </row>
    <row r="3570" spans="1:12" s="17" customFormat="1" ht="27" customHeight="1" x14ac:dyDescent="0.15">
      <c r="A3570" s="13"/>
      <c r="B3570" s="14"/>
      <c r="C3570" s="13"/>
      <c r="D3570" s="14"/>
      <c r="E3570" s="14"/>
      <c r="F3570" s="16"/>
      <c r="G3570" s="2"/>
      <c r="H3570" s="2"/>
      <c r="I3570" s="2"/>
      <c r="J3570" s="2"/>
      <c r="K3570" s="2"/>
      <c r="L3570" s="2"/>
    </row>
    <row r="3571" spans="1:12" s="17" customFormat="1" ht="27" customHeight="1" x14ac:dyDescent="0.15">
      <c r="A3571" s="13"/>
      <c r="B3571" s="14"/>
      <c r="C3571" s="13"/>
      <c r="D3571" s="14"/>
      <c r="E3571" s="14"/>
      <c r="F3571" s="16"/>
      <c r="G3571" s="2"/>
      <c r="H3571" s="2"/>
      <c r="I3571" s="2"/>
      <c r="J3571" s="2"/>
      <c r="K3571" s="2"/>
      <c r="L3571" s="2"/>
    </row>
    <row r="3572" spans="1:12" s="17" customFormat="1" ht="27" customHeight="1" x14ac:dyDescent="0.15">
      <c r="A3572" s="13"/>
      <c r="B3572" s="14"/>
      <c r="C3572" s="13"/>
      <c r="D3572" s="14"/>
      <c r="E3572" s="14"/>
      <c r="F3572" s="16"/>
      <c r="G3572" s="2"/>
      <c r="H3572" s="2"/>
      <c r="I3572" s="2"/>
      <c r="J3572" s="2"/>
      <c r="K3572" s="2"/>
      <c r="L3572" s="2"/>
    </row>
    <row r="3573" spans="1:12" s="17" customFormat="1" ht="27" customHeight="1" x14ac:dyDescent="0.15">
      <c r="A3573" s="13"/>
      <c r="B3573" s="14"/>
      <c r="C3573" s="13"/>
      <c r="D3573" s="14"/>
      <c r="E3573" s="14"/>
      <c r="F3573" s="16"/>
      <c r="G3573" s="2"/>
      <c r="H3573" s="2"/>
      <c r="I3573" s="2"/>
      <c r="J3573" s="2"/>
      <c r="K3573" s="2"/>
      <c r="L3573" s="2"/>
    </row>
    <row r="3574" spans="1:12" s="17" customFormat="1" ht="27" customHeight="1" x14ac:dyDescent="0.15">
      <c r="A3574" s="13"/>
      <c r="B3574" s="14"/>
      <c r="C3574" s="13"/>
      <c r="D3574" s="14"/>
      <c r="E3574" s="14"/>
      <c r="F3574" s="16"/>
      <c r="G3574" s="2"/>
      <c r="H3574" s="2"/>
      <c r="I3574" s="2"/>
      <c r="J3574" s="2"/>
      <c r="K3574" s="2"/>
      <c r="L3574" s="2"/>
    </row>
    <row r="3575" spans="1:12" s="17" customFormat="1" ht="27" customHeight="1" x14ac:dyDescent="0.15">
      <c r="A3575" s="13"/>
      <c r="B3575" s="14"/>
      <c r="C3575" s="13"/>
      <c r="D3575" s="14"/>
      <c r="E3575" s="14"/>
      <c r="F3575" s="16"/>
      <c r="G3575" s="2"/>
      <c r="H3575" s="2"/>
      <c r="I3575" s="2"/>
      <c r="J3575" s="2"/>
      <c r="K3575" s="2"/>
      <c r="L3575" s="2"/>
    </row>
    <row r="3576" spans="1:12" s="17" customFormat="1" ht="27" customHeight="1" x14ac:dyDescent="0.15">
      <c r="A3576" s="13"/>
      <c r="B3576" s="14"/>
      <c r="C3576" s="13"/>
      <c r="D3576" s="14"/>
      <c r="E3576" s="14"/>
      <c r="F3576" s="16"/>
      <c r="G3576" s="2"/>
      <c r="H3576" s="2"/>
      <c r="I3576" s="2"/>
      <c r="J3576" s="2"/>
      <c r="K3576" s="2"/>
      <c r="L3576" s="2"/>
    </row>
    <row r="3577" spans="1:12" s="17" customFormat="1" ht="27" customHeight="1" x14ac:dyDescent="0.15">
      <c r="A3577" s="13"/>
      <c r="B3577" s="14"/>
      <c r="C3577" s="13"/>
      <c r="D3577" s="14"/>
      <c r="E3577" s="14"/>
      <c r="F3577" s="16"/>
      <c r="G3577" s="2"/>
      <c r="H3577" s="2"/>
      <c r="I3577" s="2"/>
      <c r="J3577" s="2"/>
      <c r="K3577" s="2"/>
      <c r="L3577" s="2"/>
    </row>
    <row r="3578" spans="1:12" s="17" customFormat="1" ht="27" customHeight="1" x14ac:dyDescent="0.15">
      <c r="A3578" s="13"/>
      <c r="B3578" s="14"/>
      <c r="C3578" s="13"/>
      <c r="D3578" s="14"/>
      <c r="E3578" s="14"/>
      <c r="F3578" s="16"/>
      <c r="G3578" s="2"/>
      <c r="H3578" s="2"/>
      <c r="I3578" s="2"/>
      <c r="J3578" s="2"/>
      <c r="K3578" s="2"/>
      <c r="L3578" s="2"/>
    </row>
    <row r="3579" spans="1:12" s="17" customFormat="1" ht="27" customHeight="1" x14ac:dyDescent="0.15">
      <c r="A3579" s="13"/>
      <c r="B3579" s="14"/>
      <c r="C3579" s="13"/>
      <c r="D3579" s="14"/>
      <c r="E3579" s="14"/>
      <c r="F3579" s="16"/>
      <c r="G3579" s="2"/>
      <c r="H3579" s="2"/>
      <c r="I3579" s="2"/>
      <c r="J3579" s="2"/>
      <c r="K3579" s="2"/>
      <c r="L3579" s="2"/>
    </row>
    <row r="3580" spans="1:12" s="17" customFormat="1" ht="27" customHeight="1" x14ac:dyDescent="0.15">
      <c r="A3580" s="13"/>
      <c r="B3580" s="14"/>
      <c r="C3580" s="13"/>
      <c r="D3580" s="14"/>
      <c r="E3580" s="14"/>
      <c r="F3580" s="16"/>
      <c r="G3580" s="2"/>
      <c r="H3580" s="2"/>
      <c r="I3580" s="2"/>
      <c r="J3580" s="2"/>
      <c r="K3580" s="2"/>
      <c r="L3580" s="2"/>
    </row>
    <row r="3581" spans="1:12" s="17" customFormat="1" ht="27" customHeight="1" x14ac:dyDescent="0.15">
      <c r="A3581" s="13"/>
      <c r="B3581" s="14"/>
      <c r="C3581" s="13"/>
      <c r="D3581" s="14"/>
      <c r="E3581" s="14"/>
      <c r="F3581" s="16"/>
      <c r="G3581" s="2"/>
      <c r="H3581" s="2"/>
      <c r="I3581" s="2"/>
      <c r="J3581" s="2"/>
      <c r="K3581" s="2"/>
      <c r="L3581" s="2"/>
    </row>
    <row r="3582" spans="1:12" s="17" customFormat="1" ht="27" customHeight="1" x14ac:dyDescent="0.15">
      <c r="A3582" s="13"/>
      <c r="B3582" s="14"/>
      <c r="C3582" s="13"/>
      <c r="D3582" s="14"/>
      <c r="E3582" s="14"/>
      <c r="F3582" s="16"/>
      <c r="G3582" s="2"/>
      <c r="H3582" s="2"/>
      <c r="I3582" s="2"/>
      <c r="J3582" s="2"/>
      <c r="K3582" s="2"/>
      <c r="L3582" s="2"/>
    </row>
    <row r="3583" spans="1:12" s="17" customFormat="1" ht="27" customHeight="1" x14ac:dyDescent="0.15">
      <c r="A3583" s="13"/>
      <c r="B3583" s="14"/>
      <c r="C3583" s="13"/>
      <c r="D3583" s="14"/>
      <c r="E3583" s="14"/>
      <c r="F3583" s="16"/>
      <c r="G3583" s="2"/>
      <c r="H3583" s="2"/>
      <c r="I3583" s="2"/>
      <c r="J3583" s="2"/>
      <c r="K3583" s="2"/>
      <c r="L3583" s="2"/>
    </row>
    <row r="3584" spans="1:12" s="17" customFormat="1" ht="27" customHeight="1" x14ac:dyDescent="0.15">
      <c r="A3584" s="13"/>
      <c r="B3584" s="14"/>
      <c r="C3584" s="13"/>
      <c r="D3584" s="14"/>
      <c r="E3584" s="14"/>
      <c r="F3584" s="16"/>
      <c r="G3584" s="2"/>
      <c r="H3584" s="2"/>
      <c r="I3584" s="2"/>
      <c r="J3584" s="2"/>
      <c r="K3584" s="2"/>
      <c r="L3584" s="2"/>
    </row>
    <row r="3585" spans="1:12" s="17" customFormat="1" ht="27" customHeight="1" x14ac:dyDescent="0.15">
      <c r="A3585" s="13"/>
      <c r="B3585" s="14"/>
      <c r="C3585" s="13"/>
      <c r="D3585" s="14"/>
      <c r="E3585" s="14"/>
      <c r="F3585" s="16"/>
      <c r="G3585" s="2"/>
      <c r="H3585" s="2"/>
      <c r="I3585" s="2"/>
      <c r="J3585" s="2"/>
      <c r="K3585" s="2"/>
      <c r="L3585" s="2"/>
    </row>
    <row r="3586" spans="1:12" s="17" customFormat="1" ht="27" customHeight="1" x14ac:dyDescent="0.15">
      <c r="A3586" s="13"/>
      <c r="B3586" s="14"/>
      <c r="C3586" s="13"/>
      <c r="D3586" s="14"/>
      <c r="E3586" s="14"/>
      <c r="F3586" s="16"/>
      <c r="G3586" s="2"/>
      <c r="H3586" s="2"/>
      <c r="I3586" s="2"/>
      <c r="J3586" s="2"/>
      <c r="K3586" s="2"/>
      <c r="L3586" s="2"/>
    </row>
    <row r="3587" spans="1:12" s="17" customFormat="1" ht="27" customHeight="1" x14ac:dyDescent="0.15">
      <c r="A3587" s="13"/>
      <c r="B3587" s="14"/>
      <c r="C3587" s="13"/>
      <c r="D3587" s="14"/>
      <c r="E3587" s="14"/>
      <c r="F3587" s="16"/>
      <c r="G3587" s="2"/>
      <c r="H3587" s="2"/>
      <c r="I3587" s="2"/>
      <c r="J3587" s="2"/>
      <c r="K3587" s="2"/>
      <c r="L3587" s="2"/>
    </row>
    <row r="3588" spans="1:12" s="17" customFormat="1" ht="27" customHeight="1" x14ac:dyDescent="0.15">
      <c r="A3588" s="13"/>
      <c r="B3588" s="14"/>
      <c r="C3588" s="13"/>
      <c r="D3588" s="14"/>
      <c r="E3588" s="14"/>
      <c r="F3588" s="16"/>
      <c r="G3588" s="2"/>
      <c r="H3588" s="2"/>
      <c r="I3588" s="2"/>
      <c r="J3588" s="2"/>
      <c r="K3588" s="2"/>
      <c r="L3588" s="2"/>
    </row>
    <row r="3589" spans="1:12" s="17" customFormat="1" ht="27" customHeight="1" x14ac:dyDescent="0.15">
      <c r="A3589" s="13"/>
      <c r="B3589" s="14"/>
      <c r="C3589" s="13"/>
      <c r="D3589" s="14"/>
      <c r="E3589" s="14"/>
      <c r="F3589" s="16"/>
      <c r="G3589" s="2"/>
      <c r="H3589" s="2"/>
      <c r="I3589" s="2"/>
      <c r="J3589" s="2"/>
      <c r="K3589" s="2"/>
      <c r="L3589" s="2"/>
    </row>
    <row r="3590" spans="1:12" s="17" customFormat="1" ht="27" customHeight="1" x14ac:dyDescent="0.15">
      <c r="A3590" s="13"/>
      <c r="B3590" s="14"/>
      <c r="C3590" s="13"/>
      <c r="D3590" s="14"/>
      <c r="E3590" s="14"/>
      <c r="F3590" s="16"/>
      <c r="G3590" s="2"/>
      <c r="H3590" s="2"/>
      <c r="I3590" s="2"/>
      <c r="J3590" s="2"/>
      <c r="K3590" s="2"/>
      <c r="L3590" s="2"/>
    </row>
    <row r="3591" spans="1:12" s="17" customFormat="1" ht="27" customHeight="1" x14ac:dyDescent="0.15">
      <c r="A3591" s="13"/>
      <c r="B3591" s="14"/>
      <c r="C3591" s="13"/>
      <c r="D3591" s="14"/>
      <c r="E3591" s="14"/>
      <c r="F3591" s="16"/>
      <c r="G3591" s="2"/>
      <c r="H3591" s="2"/>
      <c r="I3591" s="2"/>
      <c r="J3591" s="2"/>
      <c r="K3591" s="2"/>
      <c r="L3591" s="2"/>
    </row>
    <row r="3592" spans="1:12" s="17" customFormat="1" ht="27" customHeight="1" x14ac:dyDescent="0.15">
      <c r="A3592" s="13"/>
      <c r="B3592" s="14"/>
      <c r="C3592" s="13"/>
      <c r="D3592" s="14"/>
      <c r="E3592" s="14"/>
      <c r="F3592" s="16"/>
      <c r="G3592" s="2"/>
      <c r="H3592" s="2"/>
      <c r="I3592" s="2"/>
      <c r="J3592" s="2"/>
      <c r="K3592" s="2"/>
      <c r="L3592" s="2"/>
    </row>
    <row r="3593" spans="1:12" s="17" customFormat="1" ht="27" customHeight="1" x14ac:dyDescent="0.15">
      <c r="A3593" s="13"/>
      <c r="B3593" s="14"/>
      <c r="C3593" s="13"/>
      <c r="D3593" s="14"/>
      <c r="E3593" s="14"/>
      <c r="F3593" s="16"/>
      <c r="G3593" s="2"/>
      <c r="H3593" s="2"/>
      <c r="I3593" s="2"/>
      <c r="J3593" s="2"/>
      <c r="K3593" s="2"/>
      <c r="L3593" s="2"/>
    </row>
    <row r="3594" spans="1:12" s="17" customFormat="1" ht="27" customHeight="1" x14ac:dyDescent="0.15">
      <c r="A3594" s="13"/>
      <c r="B3594" s="14"/>
      <c r="C3594" s="13"/>
      <c r="D3594" s="14"/>
      <c r="E3594" s="14"/>
      <c r="F3594" s="16"/>
      <c r="G3594" s="2"/>
      <c r="H3594" s="2"/>
      <c r="I3594" s="2"/>
      <c r="J3594" s="2"/>
      <c r="K3594" s="2"/>
      <c r="L3594" s="2"/>
    </row>
    <row r="3595" spans="1:12" s="17" customFormat="1" ht="27" customHeight="1" x14ac:dyDescent="0.15">
      <c r="A3595" s="13"/>
      <c r="B3595" s="14"/>
      <c r="C3595" s="13"/>
      <c r="D3595" s="14"/>
      <c r="E3595" s="14"/>
      <c r="F3595" s="16"/>
      <c r="G3595" s="2"/>
      <c r="H3595" s="2"/>
      <c r="I3595" s="2"/>
      <c r="J3595" s="2"/>
      <c r="K3595" s="2"/>
      <c r="L3595" s="2"/>
    </row>
    <row r="3596" spans="1:12" s="17" customFormat="1" ht="27" customHeight="1" x14ac:dyDescent="0.15">
      <c r="A3596" s="13"/>
      <c r="B3596" s="14"/>
      <c r="C3596" s="13"/>
      <c r="D3596" s="14"/>
      <c r="E3596" s="14"/>
      <c r="F3596" s="16"/>
      <c r="G3596" s="2"/>
      <c r="H3596" s="2"/>
      <c r="I3596" s="2"/>
      <c r="J3596" s="2"/>
      <c r="K3596" s="2"/>
      <c r="L3596" s="2"/>
    </row>
    <row r="3597" spans="1:12" s="17" customFormat="1" ht="27" customHeight="1" x14ac:dyDescent="0.15">
      <c r="A3597" s="13"/>
      <c r="B3597" s="14"/>
      <c r="C3597" s="13"/>
      <c r="D3597" s="14"/>
      <c r="E3597" s="14"/>
      <c r="F3597" s="16"/>
      <c r="G3597" s="2"/>
      <c r="H3597" s="2"/>
      <c r="I3597" s="2"/>
      <c r="J3597" s="2"/>
      <c r="K3597" s="2"/>
      <c r="L3597" s="2"/>
    </row>
    <row r="3598" spans="1:12" s="17" customFormat="1" ht="27" customHeight="1" x14ac:dyDescent="0.15">
      <c r="A3598" s="13"/>
      <c r="B3598" s="14"/>
      <c r="C3598" s="13"/>
      <c r="D3598" s="14"/>
      <c r="E3598" s="14"/>
      <c r="F3598" s="16"/>
      <c r="G3598" s="2"/>
      <c r="H3598" s="2"/>
      <c r="I3598" s="2"/>
      <c r="J3598" s="2"/>
      <c r="K3598" s="2"/>
      <c r="L3598" s="2"/>
    </row>
    <row r="3599" spans="1:12" s="17" customFormat="1" ht="27" customHeight="1" x14ac:dyDescent="0.15">
      <c r="A3599" s="13"/>
      <c r="B3599" s="14"/>
      <c r="C3599" s="13"/>
      <c r="D3599" s="14"/>
      <c r="E3599" s="14"/>
      <c r="F3599" s="16"/>
      <c r="G3599" s="2"/>
      <c r="H3599" s="2"/>
      <c r="I3599" s="2"/>
      <c r="J3599" s="2"/>
      <c r="K3599" s="2"/>
      <c r="L3599" s="2"/>
    </row>
    <row r="3600" spans="1:12" s="17" customFormat="1" ht="27" customHeight="1" x14ac:dyDescent="0.15">
      <c r="A3600" s="13"/>
      <c r="B3600" s="14"/>
      <c r="C3600" s="13"/>
      <c r="D3600" s="14"/>
      <c r="E3600" s="14"/>
      <c r="F3600" s="16"/>
      <c r="G3600" s="2"/>
      <c r="H3600" s="2"/>
      <c r="I3600" s="2"/>
      <c r="J3600" s="2"/>
      <c r="K3600" s="2"/>
      <c r="L3600" s="2"/>
    </row>
    <row r="3601" spans="1:12" s="17" customFormat="1" ht="27" customHeight="1" x14ac:dyDescent="0.15">
      <c r="A3601" s="13"/>
      <c r="B3601" s="14"/>
      <c r="C3601" s="13"/>
      <c r="D3601" s="14"/>
      <c r="E3601" s="14"/>
      <c r="F3601" s="16"/>
      <c r="G3601" s="2"/>
      <c r="H3601" s="2"/>
      <c r="I3601" s="2"/>
      <c r="J3601" s="2"/>
      <c r="K3601" s="2"/>
      <c r="L3601" s="2"/>
    </row>
    <row r="3602" spans="1:12" s="17" customFormat="1" ht="27" customHeight="1" x14ac:dyDescent="0.15">
      <c r="A3602" s="13"/>
      <c r="B3602" s="14"/>
      <c r="C3602" s="13"/>
      <c r="D3602" s="14"/>
      <c r="E3602" s="14"/>
      <c r="F3602" s="16"/>
      <c r="G3602" s="2"/>
      <c r="H3602" s="2"/>
      <c r="I3602" s="2"/>
      <c r="J3602" s="2"/>
      <c r="K3602" s="2"/>
      <c r="L3602" s="2"/>
    </row>
    <row r="3603" spans="1:12" s="17" customFormat="1" ht="27" customHeight="1" x14ac:dyDescent="0.15">
      <c r="A3603" s="13"/>
      <c r="B3603" s="14"/>
      <c r="C3603" s="13"/>
      <c r="D3603" s="14"/>
      <c r="E3603" s="14"/>
      <c r="F3603" s="16"/>
      <c r="G3603" s="2"/>
      <c r="H3603" s="2"/>
      <c r="I3603" s="2"/>
      <c r="J3603" s="2"/>
      <c r="K3603" s="2"/>
      <c r="L3603" s="2"/>
    </row>
    <row r="3604" spans="1:12" s="17" customFormat="1" ht="27" customHeight="1" x14ac:dyDescent="0.15">
      <c r="A3604" s="13"/>
      <c r="B3604" s="14"/>
      <c r="C3604" s="13"/>
      <c r="D3604" s="14"/>
      <c r="E3604" s="14"/>
      <c r="F3604" s="16"/>
      <c r="G3604" s="2"/>
      <c r="H3604" s="2"/>
      <c r="I3604" s="2"/>
      <c r="J3604" s="2"/>
      <c r="K3604" s="2"/>
      <c r="L3604" s="2"/>
    </row>
    <row r="3605" spans="1:12" s="17" customFormat="1" ht="27" customHeight="1" x14ac:dyDescent="0.15">
      <c r="A3605" s="13"/>
      <c r="B3605" s="14"/>
      <c r="C3605" s="13"/>
      <c r="D3605" s="14"/>
      <c r="E3605" s="14"/>
      <c r="F3605" s="16"/>
      <c r="G3605" s="2"/>
      <c r="H3605" s="2"/>
      <c r="I3605" s="2"/>
      <c r="J3605" s="2"/>
      <c r="K3605" s="2"/>
      <c r="L3605" s="2"/>
    </row>
    <row r="3606" spans="1:12" s="17" customFormat="1" ht="27" customHeight="1" x14ac:dyDescent="0.15">
      <c r="A3606" s="13"/>
      <c r="B3606" s="14"/>
      <c r="C3606" s="13"/>
      <c r="D3606" s="14"/>
      <c r="E3606" s="14"/>
      <c r="F3606" s="16"/>
      <c r="G3606" s="2"/>
      <c r="H3606" s="2"/>
      <c r="I3606" s="2"/>
      <c r="J3606" s="2"/>
      <c r="K3606" s="2"/>
      <c r="L3606" s="2"/>
    </row>
    <row r="3607" spans="1:12" s="17" customFormat="1" ht="27" customHeight="1" x14ac:dyDescent="0.15">
      <c r="A3607" s="13"/>
      <c r="B3607" s="14"/>
      <c r="C3607" s="13"/>
      <c r="D3607" s="14"/>
      <c r="E3607" s="14"/>
      <c r="F3607" s="16"/>
      <c r="G3607" s="2"/>
      <c r="H3607" s="2"/>
      <c r="I3607" s="2"/>
      <c r="J3607" s="2"/>
      <c r="K3607" s="2"/>
      <c r="L3607" s="2"/>
    </row>
    <row r="3608" spans="1:12" s="17" customFormat="1" ht="27" customHeight="1" x14ac:dyDescent="0.15">
      <c r="A3608" s="13"/>
      <c r="B3608" s="14"/>
      <c r="C3608" s="13"/>
      <c r="D3608" s="14"/>
      <c r="E3608" s="14"/>
      <c r="F3608" s="16"/>
      <c r="G3608" s="2"/>
      <c r="H3608" s="2"/>
      <c r="I3608" s="2"/>
      <c r="J3608" s="2"/>
      <c r="K3608" s="2"/>
      <c r="L3608" s="2"/>
    </row>
    <row r="3609" spans="1:12" s="17" customFormat="1" ht="27" customHeight="1" x14ac:dyDescent="0.15">
      <c r="A3609" s="13"/>
      <c r="B3609" s="14"/>
      <c r="C3609" s="13"/>
      <c r="D3609" s="14"/>
      <c r="E3609" s="14"/>
      <c r="F3609" s="16"/>
      <c r="G3609" s="2"/>
      <c r="H3609" s="2"/>
      <c r="I3609" s="2"/>
      <c r="J3609" s="2"/>
      <c r="K3609" s="2"/>
      <c r="L3609" s="2"/>
    </row>
    <row r="3610" spans="1:12" s="17" customFormat="1" ht="27" customHeight="1" x14ac:dyDescent="0.15">
      <c r="A3610" s="13"/>
      <c r="B3610" s="14"/>
      <c r="C3610" s="13"/>
      <c r="D3610" s="14"/>
      <c r="E3610" s="14"/>
      <c r="F3610" s="16"/>
      <c r="G3610" s="2"/>
      <c r="H3610" s="2"/>
      <c r="I3610" s="2"/>
      <c r="J3610" s="2"/>
      <c r="K3610" s="2"/>
      <c r="L3610" s="2"/>
    </row>
    <row r="3611" spans="1:12" s="17" customFormat="1" ht="27" customHeight="1" x14ac:dyDescent="0.15">
      <c r="A3611" s="13"/>
      <c r="B3611" s="14"/>
      <c r="C3611" s="13"/>
      <c r="D3611" s="14"/>
      <c r="E3611" s="14"/>
      <c r="F3611" s="16"/>
      <c r="G3611" s="2"/>
      <c r="H3611" s="2"/>
      <c r="I3611" s="2"/>
      <c r="J3611" s="2"/>
      <c r="K3611" s="2"/>
      <c r="L3611" s="2"/>
    </row>
    <row r="3612" spans="1:12" s="17" customFormat="1" ht="27" customHeight="1" x14ac:dyDescent="0.15">
      <c r="A3612" s="13"/>
      <c r="B3612" s="14"/>
      <c r="C3612" s="13"/>
      <c r="D3612" s="14"/>
      <c r="E3612" s="14"/>
      <c r="F3612" s="16"/>
      <c r="G3612" s="2"/>
      <c r="H3612" s="2"/>
      <c r="I3612" s="2"/>
      <c r="J3612" s="2"/>
      <c r="K3612" s="2"/>
      <c r="L3612" s="2"/>
    </row>
    <row r="3613" spans="1:12" s="17" customFormat="1" ht="27" customHeight="1" x14ac:dyDescent="0.15">
      <c r="A3613" s="13"/>
      <c r="B3613" s="14"/>
      <c r="C3613" s="13"/>
      <c r="D3613" s="14"/>
      <c r="E3613" s="14"/>
      <c r="F3613" s="16"/>
      <c r="G3613" s="2"/>
      <c r="H3613" s="2"/>
      <c r="I3613" s="2"/>
      <c r="J3613" s="2"/>
      <c r="K3613" s="2"/>
      <c r="L3613" s="2"/>
    </row>
    <row r="3614" spans="1:12" s="17" customFormat="1" ht="27" customHeight="1" x14ac:dyDescent="0.15">
      <c r="A3614" s="13"/>
      <c r="B3614" s="14"/>
      <c r="C3614" s="13"/>
      <c r="D3614" s="14"/>
      <c r="E3614" s="14"/>
      <c r="F3614" s="16"/>
      <c r="G3614" s="2"/>
      <c r="H3614" s="2"/>
      <c r="I3614" s="2"/>
      <c r="J3614" s="2"/>
      <c r="K3614" s="2"/>
      <c r="L3614" s="2"/>
    </row>
    <row r="3615" spans="1:12" s="17" customFormat="1" ht="27" customHeight="1" x14ac:dyDescent="0.15">
      <c r="A3615" s="13"/>
      <c r="B3615" s="14"/>
      <c r="C3615" s="13"/>
      <c r="D3615" s="14"/>
      <c r="E3615" s="14"/>
      <c r="F3615" s="16"/>
      <c r="G3615" s="2"/>
      <c r="H3615" s="2"/>
      <c r="I3615" s="2"/>
      <c r="J3615" s="2"/>
      <c r="K3615" s="2"/>
      <c r="L3615" s="2"/>
    </row>
    <row r="3616" spans="1:12" s="17" customFormat="1" ht="27" customHeight="1" x14ac:dyDescent="0.15">
      <c r="A3616" s="13"/>
      <c r="B3616" s="14"/>
      <c r="C3616" s="13"/>
      <c r="D3616" s="14"/>
      <c r="E3616" s="14"/>
      <c r="F3616" s="16"/>
      <c r="G3616" s="2"/>
      <c r="H3616" s="2"/>
      <c r="I3616" s="2"/>
      <c r="J3616" s="2"/>
      <c r="K3616" s="2"/>
      <c r="L3616" s="2"/>
    </row>
    <row r="3617" spans="1:12" s="17" customFormat="1" ht="27" customHeight="1" x14ac:dyDescent="0.15">
      <c r="A3617" s="13"/>
      <c r="B3617" s="14"/>
      <c r="C3617" s="13"/>
      <c r="D3617" s="14"/>
      <c r="E3617" s="14"/>
      <c r="F3617" s="16"/>
      <c r="G3617" s="2"/>
      <c r="H3617" s="2"/>
      <c r="I3617" s="2"/>
      <c r="J3617" s="2"/>
      <c r="K3617" s="2"/>
      <c r="L3617" s="2"/>
    </row>
    <row r="3618" spans="1:12" s="17" customFormat="1" ht="27" customHeight="1" x14ac:dyDescent="0.15">
      <c r="A3618" s="13"/>
      <c r="B3618" s="14"/>
      <c r="C3618" s="13"/>
      <c r="D3618" s="14"/>
      <c r="E3618" s="14"/>
      <c r="F3618" s="16"/>
      <c r="G3618" s="2"/>
      <c r="H3618" s="2"/>
      <c r="I3618" s="2"/>
      <c r="J3618" s="2"/>
      <c r="K3618" s="2"/>
      <c r="L3618" s="2"/>
    </row>
    <row r="3619" spans="1:12" s="17" customFormat="1" ht="27" customHeight="1" x14ac:dyDescent="0.15">
      <c r="A3619" s="13"/>
      <c r="B3619" s="14"/>
      <c r="C3619" s="13"/>
      <c r="D3619" s="14"/>
      <c r="E3619" s="14"/>
      <c r="F3619" s="16"/>
      <c r="G3619" s="2"/>
      <c r="H3619" s="2"/>
      <c r="I3619" s="2"/>
      <c r="J3619" s="2"/>
      <c r="K3619" s="2"/>
      <c r="L3619" s="2"/>
    </row>
    <row r="3620" spans="1:12" s="17" customFormat="1" ht="27" customHeight="1" x14ac:dyDescent="0.15">
      <c r="A3620" s="13"/>
      <c r="B3620" s="14"/>
      <c r="C3620" s="13"/>
      <c r="D3620" s="14"/>
      <c r="E3620" s="14"/>
      <c r="F3620" s="16"/>
      <c r="G3620" s="2"/>
      <c r="H3620" s="2"/>
      <c r="I3620" s="2"/>
      <c r="J3620" s="2"/>
      <c r="K3620" s="2"/>
      <c r="L3620" s="2"/>
    </row>
    <row r="3621" spans="1:12" s="17" customFormat="1" ht="27" customHeight="1" x14ac:dyDescent="0.15">
      <c r="A3621" s="13"/>
      <c r="B3621" s="14"/>
      <c r="C3621" s="13"/>
      <c r="D3621" s="14"/>
      <c r="E3621" s="14"/>
      <c r="F3621" s="16"/>
      <c r="G3621" s="2"/>
      <c r="H3621" s="2"/>
      <c r="I3621" s="2"/>
      <c r="J3621" s="2"/>
      <c r="K3621" s="2"/>
      <c r="L3621" s="2"/>
    </row>
    <row r="3622" spans="1:12" s="17" customFormat="1" ht="27" customHeight="1" x14ac:dyDescent="0.15">
      <c r="A3622" s="13"/>
      <c r="B3622" s="14"/>
      <c r="C3622" s="13"/>
      <c r="D3622" s="14"/>
      <c r="E3622" s="14"/>
      <c r="F3622" s="16"/>
      <c r="G3622" s="2"/>
      <c r="H3622" s="2"/>
      <c r="I3622" s="2"/>
      <c r="J3622" s="2"/>
      <c r="K3622" s="2"/>
      <c r="L3622" s="2"/>
    </row>
    <row r="3623" spans="1:12" s="17" customFormat="1" ht="27" customHeight="1" x14ac:dyDescent="0.15">
      <c r="A3623" s="13"/>
      <c r="B3623" s="14"/>
      <c r="C3623" s="13"/>
      <c r="D3623" s="14"/>
      <c r="E3623" s="14"/>
      <c r="F3623" s="16"/>
      <c r="G3623" s="2"/>
      <c r="H3623" s="2"/>
      <c r="I3623" s="2"/>
      <c r="J3623" s="2"/>
      <c r="K3623" s="2"/>
      <c r="L3623" s="2"/>
    </row>
    <row r="3624" spans="1:12" s="17" customFormat="1" ht="27" customHeight="1" x14ac:dyDescent="0.15">
      <c r="A3624" s="13"/>
      <c r="B3624" s="14"/>
      <c r="C3624" s="13"/>
      <c r="D3624" s="14"/>
      <c r="E3624" s="14"/>
      <c r="F3624" s="16"/>
      <c r="G3624" s="2"/>
      <c r="H3624" s="2"/>
      <c r="I3624" s="2"/>
      <c r="J3624" s="2"/>
      <c r="K3624" s="2"/>
      <c r="L3624" s="2"/>
    </row>
    <row r="3625" spans="1:12" s="17" customFormat="1" ht="27" customHeight="1" x14ac:dyDescent="0.15">
      <c r="A3625" s="13"/>
      <c r="B3625" s="14"/>
      <c r="C3625" s="13"/>
      <c r="D3625" s="14"/>
      <c r="E3625" s="14"/>
      <c r="F3625" s="16"/>
      <c r="G3625" s="2"/>
      <c r="H3625" s="2"/>
      <c r="I3625" s="2"/>
      <c r="J3625" s="2"/>
      <c r="K3625" s="2"/>
      <c r="L3625" s="2"/>
    </row>
    <row r="3626" spans="1:12" s="17" customFormat="1" ht="27" customHeight="1" x14ac:dyDescent="0.15">
      <c r="A3626" s="13"/>
      <c r="B3626" s="14"/>
      <c r="C3626" s="13"/>
      <c r="D3626" s="14"/>
      <c r="E3626" s="14"/>
      <c r="F3626" s="16"/>
      <c r="G3626" s="2"/>
      <c r="H3626" s="2"/>
      <c r="I3626" s="2"/>
      <c r="J3626" s="2"/>
      <c r="K3626" s="2"/>
      <c r="L3626" s="2"/>
    </row>
    <row r="3627" spans="1:12" s="17" customFormat="1" ht="27" customHeight="1" x14ac:dyDescent="0.15">
      <c r="A3627" s="13"/>
      <c r="B3627" s="14"/>
      <c r="C3627" s="13"/>
      <c r="D3627" s="14"/>
      <c r="E3627" s="14"/>
      <c r="F3627" s="16"/>
      <c r="G3627" s="2"/>
      <c r="H3627" s="2"/>
      <c r="I3627" s="2"/>
      <c r="J3627" s="2"/>
      <c r="K3627" s="2"/>
      <c r="L3627" s="2"/>
    </row>
    <row r="3628" spans="1:12" s="17" customFormat="1" ht="27" customHeight="1" x14ac:dyDescent="0.15">
      <c r="A3628" s="13"/>
      <c r="B3628" s="14"/>
      <c r="C3628" s="13"/>
      <c r="D3628" s="14"/>
      <c r="E3628" s="14"/>
      <c r="F3628" s="16"/>
      <c r="G3628" s="2"/>
      <c r="H3628" s="2"/>
      <c r="I3628" s="2"/>
      <c r="J3628" s="2"/>
      <c r="K3628" s="2"/>
      <c r="L3628" s="2"/>
    </row>
    <row r="3629" spans="1:12" s="17" customFormat="1" ht="27" customHeight="1" x14ac:dyDescent="0.15">
      <c r="A3629" s="13"/>
      <c r="B3629" s="14"/>
      <c r="C3629" s="13"/>
      <c r="D3629" s="14"/>
      <c r="E3629" s="14"/>
      <c r="F3629" s="16"/>
      <c r="G3629" s="2"/>
      <c r="H3629" s="2"/>
      <c r="I3629" s="2"/>
      <c r="J3629" s="2"/>
      <c r="K3629" s="2"/>
      <c r="L3629" s="2"/>
    </row>
    <row r="3630" spans="1:12" s="17" customFormat="1" ht="27" customHeight="1" x14ac:dyDescent="0.15">
      <c r="A3630" s="13"/>
      <c r="B3630" s="14"/>
      <c r="C3630" s="13"/>
      <c r="D3630" s="14"/>
      <c r="E3630" s="14"/>
      <c r="F3630" s="16"/>
      <c r="G3630" s="2"/>
      <c r="H3630" s="2"/>
      <c r="I3630" s="2"/>
      <c r="J3630" s="2"/>
      <c r="K3630" s="2"/>
      <c r="L3630" s="2"/>
    </row>
    <row r="3631" spans="1:12" s="17" customFormat="1" ht="27" customHeight="1" x14ac:dyDescent="0.15">
      <c r="A3631" s="13"/>
      <c r="B3631" s="14"/>
      <c r="C3631" s="13"/>
      <c r="D3631" s="14"/>
      <c r="E3631" s="14"/>
      <c r="F3631" s="16"/>
      <c r="G3631" s="2"/>
      <c r="H3631" s="2"/>
      <c r="I3631" s="2"/>
      <c r="J3631" s="2"/>
      <c r="K3631" s="2"/>
      <c r="L3631" s="2"/>
    </row>
    <row r="3632" spans="1:12" s="17" customFormat="1" ht="27" customHeight="1" x14ac:dyDescent="0.15">
      <c r="A3632" s="13"/>
      <c r="B3632" s="14"/>
      <c r="C3632" s="13"/>
      <c r="D3632" s="14"/>
      <c r="E3632" s="14"/>
      <c r="F3632" s="16"/>
      <c r="G3632" s="2"/>
      <c r="H3632" s="2"/>
      <c r="I3632" s="2"/>
      <c r="J3632" s="2"/>
      <c r="K3632" s="2"/>
      <c r="L3632" s="2"/>
    </row>
    <row r="3633" spans="1:12" s="17" customFormat="1" ht="27" customHeight="1" x14ac:dyDescent="0.15">
      <c r="A3633" s="13"/>
      <c r="B3633" s="14"/>
      <c r="C3633" s="13"/>
      <c r="D3633" s="14"/>
      <c r="E3633" s="14"/>
      <c r="F3633" s="16"/>
      <c r="G3633" s="2"/>
      <c r="H3633" s="2"/>
      <c r="I3633" s="2"/>
      <c r="J3633" s="2"/>
      <c r="K3633" s="2"/>
      <c r="L3633" s="2"/>
    </row>
    <row r="3634" spans="1:12" s="17" customFormat="1" ht="27" customHeight="1" x14ac:dyDescent="0.15">
      <c r="A3634" s="13"/>
      <c r="B3634" s="14"/>
      <c r="C3634" s="13"/>
      <c r="D3634" s="14"/>
      <c r="E3634" s="14"/>
      <c r="F3634" s="16"/>
      <c r="G3634" s="2"/>
      <c r="H3634" s="2"/>
      <c r="I3634" s="2"/>
      <c r="J3634" s="2"/>
      <c r="K3634" s="2"/>
      <c r="L3634" s="2"/>
    </row>
    <row r="3635" spans="1:12" s="17" customFormat="1" ht="27" customHeight="1" x14ac:dyDescent="0.15">
      <c r="A3635" s="13"/>
      <c r="B3635" s="14"/>
      <c r="C3635" s="13"/>
      <c r="D3635" s="14"/>
      <c r="E3635" s="14"/>
      <c r="F3635" s="16"/>
      <c r="G3635" s="2"/>
      <c r="H3635" s="2"/>
      <c r="I3635" s="2"/>
      <c r="J3635" s="2"/>
      <c r="K3635" s="2"/>
      <c r="L3635" s="2"/>
    </row>
    <row r="3636" spans="1:12" s="17" customFormat="1" ht="27" customHeight="1" x14ac:dyDescent="0.15">
      <c r="A3636" s="13"/>
      <c r="B3636" s="14"/>
      <c r="C3636" s="13"/>
      <c r="D3636" s="14"/>
      <c r="E3636" s="14"/>
      <c r="F3636" s="16"/>
      <c r="G3636" s="2"/>
      <c r="H3636" s="2"/>
      <c r="I3636" s="2"/>
      <c r="J3636" s="2"/>
      <c r="K3636" s="2"/>
      <c r="L3636" s="2"/>
    </row>
    <row r="3637" spans="1:12" s="17" customFormat="1" ht="27" customHeight="1" x14ac:dyDescent="0.15">
      <c r="A3637" s="13"/>
      <c r="B3637" s="14"/>
      <c r="C3637" s="13"/>
      <c r="D3637" s="14"/>
      <c r="E3637" s="14"/>
      <c r="F3637" s="16"/>
      <c r="G3637" s="2"/>
      <c r="H3637" s="2"/>
      <c r="I3637" s="2"/>
      <c r="J3637" s="2"/>
      <c r="K3637" s="2"/>
      <c r="L3637" s="2"/>
    </row>
    <row r="3638" spans="1:12" s="17" customFormat="1" ht="27" customHeight="1" x14ac:dyDescent="0.15">
      <c r="A3638" s="13"/>
      <c r="B3638" s="14"/>
      <c r="C3638" s="13"/>
      <c r="D3638" s="14"/>
      <c r="E3638" s="14"/>
      <c r="F3638" s="16"/>
      <c r="G3638" s="2"/>
      <c r="H3638" s="2"/>
      <c r="I3638" s="2"/>
      <c r="J3638" s="2"/>
      <c r="K3638" s="2"/>
      <c r="L3638" s="2"/>
    </row>
    <row r="3639" spans="1:12" s="17" customFormat="1" ht="27" customHeight="1" x14ac:dyDescent="0.15">
      <c r="A3639" s="13"/>
      <c r="B3639" s="14"/>
      <c r="C3639" s="13"/>
      <c r="D3639" s="14"/>
      <c r="E3639" s="14"/>
      <c r="F3639" s="16"/>
      <c r="G3639" s="2"/>
      <c r="H3639" s="2"/>
      <c r="I3639" s="2"/>
      <c r="J3639" s="2"/>
      <c r="K3639" s="2"/>
      <c r="L3639" s="2"/>
    </row>
    <row r="3640" spans="1:12" s="17" customFormat="1" ht="27" customHeight="1" x14ac:dyDescent="0.15">
      <c r="A3640" s="13"/>
      <c r="B3640" s="14"/>
      <c r="C3640" s="13"/>
      <c r="D3640" s="14"/>
      <c r="E3640" s="14"/>
      <c r="F3640" s="16"/>
      <c r="G3640" s="2"/>
      <c r="H3640" s="2"/>
      <c r="I3640" s="2"/>
      <c r="J3640" s="2"/>
      <c r="K3640" s="2"/>
      <c r="L3640" s="2"/>
    </row>
    <row r="3641" spans="1:12" s="17" customFormat="1" ht="27" customHeight="1" x14ac:dyDescent="0.15">
      <c r="A3641" s="13"/>
      <c r="B3641" s="14"/>
      <c r="C3641" s="13"/>
      <c r="D3641" s="14"/>
      <c r="E3641" s="14"/>
      <c r="F3641" s="16"/>
      <c r="G3641" s="2"/>
      <c r="H3641" s="2"/>
      <c r="I3641" s="2"/>
      <c r="J3641" s="2"/>
      <c r="K3641" s="2"/>
      <c r="L3641" s="2"/>
    </row>
    <row r="3642" spans="1:12" s="17" customFormat="1" ht="27" customHeight="1" x14ac:dyDescent="0.15">
      <c r="A3642" s="13"/>
      <c r="B3642" s="14"/>
      <c r="C3642" s="13"/>
      <c r="D3642" s="14"/>
      <c r="E3642" s="14"/>
      <c r="F3642" s="16"/>
      <c r="G3642" s="2"/>
      <c r="H3642" s="2"/>
      <c r="I3642" s="2"/>
      <c r="J3642" s="2"/>
      <c r="K3642" s="2"/>
      <c r="L3642" s="2"/>
    </row>
    <row r="3643" spans="1:12" s="17" customFormat="1" ht="27" customHeight="1" x14ac:dyDescent="0.15">
      <c r="A3643" s="13"/>
      <c r="B3643" s="14"/>
      <c r="C3643" s="13"/>
      <c r="D3643" s="14"/>
      <c r="E3643" s="14"/>
      <c r="F3643" s="16"/>
      <c r="G3643" s="2"/>
      <c r="H3643" s="2"/>
      <c r="I3643" s="2"/>
      <c r="J3643" s="2"/>
      <c r="K3643" s="2"/>
      <c r="L3643" s="2"/>
    </row>
    <row r="3644" spans="1:12" s="17" customFormat="1" ht="27" customHeight="1" x14ac:dyDescent="0.15">
      <c r="A3644" s="13"/>
      <c r="B3644" s="14"/>
      <c r="C3644" s="13"/>
      <c r="D3644" s="14"/>
      <c r="E3644" s="14"/>
      <c r="F3644" s="16"/>
      <c r="G3644" s="2"/>
      <c r="H3644" s="2"/>
      <c r="I3644" s="2"/>
      <c r="J3644" s="2"/>
      <c r="K3644" s="2"/>
      <c r="L3644" s="2"/>
    </row>
    <row r="3645" spans="1:12" s="17" customFormat="1" ht="27" customHeight="1" x14ac:dyDescent="0.15">
      <c r="A3645" s="13"/>
      <c r="B3645" s="14"/>
      <c r="C3645" s="13"/>
      <c r="D3645" s="14"/>
      <c r="E3645" s="14"/>
      <c r="F3645" s="16"/>
      <c r="G3645" s="2"/>
      <c r="H3645" s="2"/>
      <c r="I3645" s="2"/>
      <c r="J3645" s="2"/>
      <c r="K3645" s="2"/>
      <c r="L3645" s="2"/>
    </row>
    <row r="3646" spans="1:12" s="17" customFormat="1" ht="27" customHeight="1" x14ac:dyDescent="0.15">
      <c r="A3646" s="13"/>
      <c r="B3646" s="14"/>
      <c r="C3646" s="13"/>
      <c r="D3646" s="14"/>
      <c r="E3646" s="14"/>
      <c r="F3646" s="16"/>
      <c r="G3646" s="2"/>
      <c r="H3646" s="2"/>
      <c r="I3646" s="2"/>
      <c r="J3646" s="2"/>
      <c r="K3646" s="2"/>
      <c r="L3646" s="2"/>
    </row>
    <row r="3647" spans="1:12" s="17" customFormat="1" ht="27" customHeight="1" x14ac:dyDescent="0.15">
      <c r="A3647" s="13"/>
      <c r="B3647" s="14"/>
      <c r="C3647" s="13"/>
      <c r="D3647" s="14"/>
      <c r="E3647" s="14"/>
      <c r="F3647" s="16"/>
      <c r="G3647" s="2"/>
      <c r="H3647" s="2"/>
      <c r="I3647" s="2"/>
      <c r="J3647" s="2"/>
      <c r="K3647" s="2"/>
      <c r="L3647" s="2"/>
    </row>
    <row r="3648" spans="1:12" s="17" customFormat="1" ht="27" customHeight="1" x14ac:dyDescent="0.15">
      <c r="A3648" s="13"/>
      <c r="B3648" s="14"/>
      <c r="C3648" s="13"/>
      <c r="D3648" s="14"/>
      <c r="E3648" s="14"/>
      <c r="F3648" s="16"/>
      <c r="G3648" s="2"/>
      <c r="H3648" s="2"/>
      <c r="I3648" s="2"/>
      <c r="J3648" s="2"/>
      <c r="K3648" s="2"/>
      <c r="L3648" s="2"/>
    </row>
    <row r="3649" spans="1:12" s="17" customFormat="1" ht="27" customHeight="1" x14ac:dyDescent="0.15">
      <c r="A3649" s="13"/>
      <c r="B3649" s="14"/>
      <c r="C3649" s="13"/>
      <c r="D3649" s="14"/>
      <c r="E3649" s="14"/>
      <c r="F3649" s="16"/>
      <c r="G3649" s="2"/>
      <c r="H3649" s="2"/>
      <c r="I3649" s="2"/>
      <c r="J3649" s="2"/>
      <c r="K3649" s="2"/>
      <c r="L3649" s="2"/>
    </row>
    <row r="3650" spans="1:12" s="17" customFormat="1" ht="27" customHeight="1" x14ac:dyDescent="0.15">
      <c r="A3650" s="13"/>
      <c r="B3650" s="14"/>
      <c r="C3650" s="13"/>
      <c r="D3650" s="14"/>
      <c r="E3650" s="14"/>
      <c r="F3650" s="16"/>
      <c r="G3650" s="2"/>
      <c r="H3650" s="2"/>
      <c r="I3650" s="2"/>
      <c r="J3650" s="2"/>
      <c r="K3650" s="2"/>
      <c r="L3650" s="2"/>
    </row>
    <row r="3651" spans="1:12" s="17" customFormat="1" ht="27" customHeight="1" x14ac:dyDescent="0.15">
      <c r="A3651" s="13"/>
      <c r="B3651" s="14"/>
      <c r="C3651" s="13"/>
      <c r="D3651" s="14"/>
      <c r="E3651" s="14"/>
      <c r="F3651" s="16"/>
      <c r="G3651" s="2"/>
      <c r="H3651" s="2"/>
      <c r="I3651" s="2"/>
      <c r="J3651" s="2"/>
      <c r="K3651" s="2"/>
      <c r="L3651" s="2"/>
    </row>
    <row r="3652" spans="1:12" s="17" customFormat="1" ht="27" customHeight="1" x14ac:dyDescent="0.15">
      <c r="A3652" s="13"/>
      <c r="B3652" s="14"/>
      <c r="C3652" s="13"/>
      <c r="D3652" s="14"/>
      <c r="E3652" s="14"/>
      <c r="F3652" s="16"/>
      <c r="G3652" s="2"/>
      <c r="H3652" s="2"/>
      <c r="I3652" s="2"/>
      <c r="J3652" s="2"/>
      <c r="K3652" s="2"/>
      <c r="L3652" s="2"/>
    </row>
    <row r="3653" spans="1:12" s="17" customFormat="1" ht="27" customHeight="1" x14ac:dyDescent="0.15">
      <c r="A3653" s="13"/>
      <c r="B3653" s="14"/>
      <c r="C3653" s="13"/>
      <c r="D3653" s="14"/>
      <c r="E3653" s="14"/>
      <c r="F3653" s="16"/>
      <c r="G3653" s="2"/>
      <c r="H3653" s="2"/>
      <c r="I3653" s="2"/>
      <c r="J3653" s="2"/>
      <c r="K3653" s="2"/>
      <c r="L3653" s="2"/>
    </row>
    <row r="3654" spans="1:12" s="17" customFormat="1" ht="27" customHeight="1" x14ac:dyDescent="0.15">
      <c r="A3654" s="13"/>
      <c r="B3654" s="14"/>
      <c r="C3654" s="13"/>
      <c r="D3654" s="14"/>
      <c r="E3654" s="14"/>
      <c r="F3654" s="16"/>
      <c r="G3654" s="2"/>
      <c r="H3654" s="2"/>
      <c r="I3654" s="2"/>
      <c r="J3654" s="2"/>
      <c r="K3654" s="2"/>
      <c r="L3654" s="2"/>
    </row>
    <row r="3655" spans="1:12" s="17" customFormat="1" ht="27" customHeight="1" x14ac:dyDescent="0.15">
      <c r="A3655" s="13"/>
      <c r="B3655" s="14"/>
      <c r="C3655" s="13"/>
      <c r="D3655" s="14"/>
      <c r="E3655" s="14"/>
      <c r="F3655" s="16"/>
      <c r="G3655" s="2"/>
      <c r="H3655" s="2"/>
      <c r="I3655" s="2"/>
      <c r="J3655" s="2"/>
      <c r="K3655" s="2"/>
      <c r="L3655" s="2"/>
    </row>
    <row r="3656" spans="1:12" s="17" customFormat="1" ht="27" customHeight="1" x14ac:dyDescent="0.15">
      <c r="A3656" s="13"/>
      <c r="B3656" s="14"/>
      <c r="C3656" s="13"/>
      <c r="D3656" s="14"/>
      <c r="E3656" s="14"/>
      <c r="F3656" s="16"/>
      <c r="G3656" s="2"/>
      <c r="H3656" s="2"/>
      <c r="I3656" s="2"/>
      <c r="J3656" s="2"/>
      <c r="K3656" s="2"/>
      <c r="L3656" s="2"/>
    </row>
    <row r="3657" spans="1:12" s="17" customFormat="1" ht="27" customHeight="1" x14ac:dyDescent="0.15">
      <c r="A3657" s="13"/>
      <c r="B3657" s="14"/>
      <c r="C3657" s="13"/>
      <c r="D3657" s="14"/>
      <c r="E3657" s="14"/>
      <c r="F3657" s="16"/>
      <c r="G3657" s="2"/>
      <c r="H3657" s="2"/>
      <c r="I3657" s="2"/>
      <c r="J3657" s="2"/>
      <c r="K3657" s="2"/>
      <c r="L3657" s="2"/>
    </row>
    <row r="3658" spans="1:12" s="17" customFormat="1" ht="27" customHeight="1" x14ac:dyDescent="0.15">
      <c r="A3658" s="13"/>
      <c r="B3658" s="14"/>
      <c r="C3658" s="13"/>
      <c r="D3658" s="14"/>
      <c r="E3658" s="14"/>
      <c r="F3658" s="16"/>
      <c r="G3658" s="2"/>
      <c r="H3658" s="2"/>
      <c r="I3658" s="2"/>
      <c r="J3658" s="2"/>
      <c r="K3658" s="2"/>
      <c r="L3658" s="2"/>
    </row>
    <row r="3659" spans="1:12" s="17" customFormat="1" ht="27" customHeight="1" x14ac:dyDescent="0.15">
      <c r="A3659" s="13"/>
      <c r="B3659" s="14"/>
      <c r="C3659" s="13"/>
      <c r="D3659" s="14"/>
      <c r="E3659" s="14"/>
      <c r="F3659" s="16"/>
      <c r="G3659" s="2"/>
      <c r="H3659" s="2"/>
      <c r="I3659" s="2"/>
      <c r="J3659" s="2"/>
      <c r="K3659" s="2"/>
      <c r="L3659" s="2"/>
    </row>
    <row r="3660" spans="1:12" s="17" customFormat="1" ht="27" customHeight="1" x14ac:dyDescent="0.15">
      <c r="A3660" s="13"/>
      <c r="B3660" s="14"/>
      <c r="C3660" s="13"/>
      <c r="D3660" s="14"/>
      <c r="E3660" s="14"/>
      <c r="F3660" s="16"/>
      <c r="G3660" s="2"/>
      <c r="H3660" s="2"/>
      <c r="I3660" s="2"/>
      <c r="J3660" s="2"/>
      <c r="K3660" s="2"/>
      <c r="L3660" s="2"/>
    </row>
    <row r="3661" spans="1:12" s="17" customFormat="1" ht="27" customHeight="1" x14ac:dyDescent="0.15">
      <c r="A3661" s="13"/>
      <c r="B3661" s="14"/>
      <c r="C3661" s="13"/>
      <c r="D3661" s="14"/>
      <c r="E3661" s="14"/>
      <c r="F3661" s="16"/>
      <c r="G3661" s="2"/>
      <c r="H3661" s="2"/>
      <c r="I3661" s="2"/>
      <c r="J3661" s="2"/>
      <c r="K3661" s="2"/>
      <c r="L3661" s="2"/>
    </row>
    <row r="3662" spans="1:12" s="17" customFormat="1" ht="27" customHeight="1" x14ac:dyDescent="0.15">
      <c r="A3662" s="13"/>
      <c r="B3662" s="14"/>
      <c r="C3662" s="13"/>
      <c r="D3662" s="14"/>
      <c r="E3662" s="14"/>
      <c r="F3662" s="16"/>
      <c r="G3662" s="2"/>
      <c r="H3662" s="2"/>
      <c r="I3662" s="2"/>
      <c r="J3662" s="2"/>
      <c r="K3662" s="2"/>
      <c r="L3662" s="2"/>
    </row>
    <row r="3663" spans="1:12" s="17" customFormat="1" ht="27" customHeight="1" x14ac:dyDescent="0.15">
      <c r="A3663" s="13"/>
      <c r="B3663" s="14"/>
      <c r="C3663" s="13"/>
      <c r="D3663" s="14"/>
      <c r="E3663" s="14"/>
      <c r="F3663" s="16"/>
      <c r="G3663" s="2"/>
      <c r="H3663" s="2"/>
      <c r="I3663" s="2"/>
      <c r="J3663" s="2"/>
      <c r="K3663" s="2"/>
      <c r="L3663" s="2"/>
    </row>
    <row r="3664" spans="1:12" s="17" customFormat="1" ht="27" customHeight="1" x14ac:dyDescent="0.15">
      <c r="A3664" s="13"/>
      <c r="B3664" s="14"/>
      <c r="C3664" s="13"/>
      <c r="D3664" s="14"/>
      <c r="E3664" s="14"/>
      <c r="F3664" s="16"/>
      <c r="G3664" s="2"/>
      <c r="H3664" s="2"/>
      <c r="I3664" s="2"/>
      <c r="J3664" s="2"/>
      <c r="K3664" s="2"/>
      <c r="L3664" s="2"/>
    </row>
    <row r="3665" spans="1:12" s="17" customFormat="1" ht="27" customHeight="1" x14ac:dyDescent="0.15">
      <c r="A3665" s="13"/>
      <c r="B3665" s="14"/>
      <c r="C3665" s="13"/>
      <c r="D3665" s="14"/>
      <c r="E3665" s="14"/>
      <c r="F3665" s="16"/>
      <c r="G3665" s="2"/>
      <c r="H3665" s="2"/>
      <c r="I3665" s="2"/>
      <c r="J3665" s="2"/>
      <c r="K3665" s="2"/>
      <c r="L3665" s="2"/>
    </row>
    <row r="3666" spans="1:12" s="17" customFormat="1" ht="27" customHeight="1" x14ac:dyDescent="0.15">
      <c r="A3666" s="13"/>
      <c r="B3666" s="14"/>
      <c r="C3666" s="13"/>
      <c r="D3666" s="14"/>
      <c r="E3666" s="14"/>
      <c r="F3666" s="16"/>
      <c r="G3666" s="2"/>
      <c r="H3666" s="2"/>
      <c r="I3666" s="2"/>
      <c r="J3666" s="2"/>
      <c r="K3666" s="2"/>
      <c r="L3666" s="2"/>
    </row>
    <row r="3667" spans="1:12" s="17" customFormat="1" ht="27" customHeight="1" x14ac:dyDescent="0.15">
      <c r="A3667" s="13"/>
      <c r="B3667" s="14"/>
      <c r="C3667" s="13"/>
      <c r="D3667" s="14"/>
      <c r="E3667" s="14"/>
      <c r="F3667" s="16"/>
      <c r="G3667" s="2"/>
      <c r="H3667" s="2"/>
      <c r="I3667" s="2"/>
      <c r="J3667" s="2"/>
      <c r="K3667" s="2"/>
      <c r="L3667" s="2"/>
    </row>
    <row r="3668" spans="1:12" s="17" customFormat="1" ht="27" customHeight="1" x14ac:dyDescent="0.15">
      <c r="A3668" s="13"/>
      <c r="B3668" s="14"/>
      <c r="C3668" s="13"/>
      <c r="D3668" s="14"/>
      <c r="E3668" s="14"/>
      <c r="F3668" s="16"/>
      <c r="G3668" s="2"/>
      <c r="H3668" s="2"/>
      <c r="I3668" s="2"/>
      <c r="J3668" s="2"/>
      <c r="K3668" s="2"/>
      <c r="L3668" s="2"/>
    </row>
    <row r="3669" spans="1:12" s="17" customFormat="1" ht="27" customHeight="1" x14ac:dyDescent="0.15">
      <c r="A3669" s="13"/>
      <c r="B3669" s="14"/>
      <c r="C3669" s="13"/>
      <c r="D3669" s="14"/>
      <c r="E3669" s="14"/>
      <c r="F3669" s="16"/>
      <c r="G3669" s="2"/>
      <c r="H3669" s="2"/>
      <c r="I3669" s="2"/>
      <c r="J3669" s="2"/>
      <c r="K3669" s="2"/>
      <c r="L3669" s="2"/>
    </row>
    <row r="3670" spans="1:12" s="17" customFormat="1" ht="27" customHeight="1" x14ac:dyDescent="0.15">
      <c r="A3670" s="13"/>
      <c r="B3670" s="14"/>
      <c r="C3670" s="13"/>
      <c r="D3670" s="14"/>
      <c r="E3670" s="14"/>
      <c r="F3670" s="16"/>
      <c r="G3670" s="2"/>
      <c r="H3670" s="2"/>
      <c r="I3670" s="2"/>
      <c r="J3670" s="2"/>
      <c r="K3670" s="2"/>
      <c r="L3670" s="2"/>
    </row>
    <row r="3671" spans="1:12" s="17" customFormat="1" ht="27" customHeight="1" x14ac:dyDescent="0.15">
      <c r="A3671" s="13"/>
      <c r="B3671" s="14"/>
      <c r="C3671" s="13"/>
      <c r="D3671" s="14"/>
      <c r="E3671" s="14"/>
      <c r="F3671" s="16"/>
      <c r="G3671" s="2"/>
      <c r="H3671" s="2"/>
      <c r="I3671" s="2"/>
      <c r="J3671" s="2"/>
      <c r="K3671" s="2"/>
      <c r="L3671" s="2"/>
    </row>
    <row r="3672" spans="1:12" s="17" customFormat="1" ht="27" customHeight="1" x14ac:dyDescent="0.15">
      <c r="A3672" s="13"/>
      <c r="B3672" s="14"/>
      <c r="C3672" s="13"/>
      <c r="D3672" s="14"/>
      <c r="E3672" s="14"/>
      <c r="F3672" s="16"/>
      <c r="G3672" s="2"/>
      <c r="H3672" s="2"/>
      <c r="I3672" s="2"/>
      <c r="J3672" s="2"/>
      <c r="K3672" s="2"/>
      <c r="L3672" s="2"/>
    </row>
    <row r="3673" spans="1:12" s="17" customFormat="1" ht="27" customHeight="1" x14ac:dyDescent="0.15">
      <c r="A3673" s="13"/>
      <c r="B3673" s="14"/>
      <c r="C3673" s="13"/>
      <c r="D3673" s="14"/>
      <c r="E3673" s="14"/>
      <c r="F3673" s="16"/>
      <c r="G3673" s="2"/>
      <c r="H3673" s="2"/>
      <c r="I3673" s="2"/>
      <c r="J3673" s="2"/>
      <c r="K3673" s="2"/>
      <c r="L3673" s="2"/>
    </row>
    <row r="3674" spans="1:12" s="17" customFormat="1" ht="27" customHeight="1" x14ac:dyDescent="0.15">
      <c r="A3674" s="13"/>
      <c r="B3674" s="14"/>
      <c r="C3674" s="13"/>
      <c r="D3674" s="14"/>
      <c r="E3674" s="14"/>
      <c r="F3674" s="16"/>
      <c r="G3674" s="2"/>
      <c r="H3674" s="2"/>
      <c r="I3674" s="2"/>
      <c r="J3674" s="2"/>
      <c r="K3674" s="2"/>
      <c r="L3674" s="2"/>
    </row>
    <row r="3675" spans="1:12" s="17" customFormat="1" ht="27" customHeight="1" x14ac:dyDescent="0.15">
      <c r="A3675" s="13"/>
      <c r="B3675" s="14"/>
      <c r="C3675" s="13"/>
      <c r="D3675" s="14"/>
      <c r="E3675" s="14"/>
      <c r="F3675" s="16"/>
      <c r="G3675" s="2"/>
      <c r="H3675" s="2"/>
      <c r="I3675" s="2"/>
      <c r="J3675" s="2"/>
      <c r="K3675" s="2"/>
      <c r="L3675" s="2"/>
    </row>
    <row r="3676" spans="1:12" s="17" customFormat="1" ht="27" customHeight="1" x14ac:dyDescent="0.15">
      <c r="A3676" s="13"/>
      <c r="B3676" s="14"/>
      <c r="C3676" s="13"/>
      <c r="D3676" s="14"/>
      <c r="E3676" s="14"/>
      <c r="F3676" s="16"/>
      <c r="G3676" s="2"/>
      <c r="H3676" s="2"/>
      <c r="I3676" s="2"/>
      <c r="J3676" s="2"/>
      <c r="K3676" s="2"/>
      <c r="L3676" s="2"/>
    </row>
    <row r="3677" spans="1:12" s="17" customFormat="1" ht="27" customHeight="1" x14ac:dyDescent="0.15">
      <c r="A3677" s="13"/>
      <c r="B3677" s="14"/>
      <c r="C3677" s="13"/>
      <c r="D3677" s="14"/>
      <c r="E3677" s="14"/>
      <c r="F3677" s="16"/>
      <c r="G3677" s="2"/>
      <c r="H3677" s="2"/>
      <c r="I3677" s="2"/>
      <c r="J3677" s="2"/>
      <c r="K3677" s="2"/>
      <c r="L3677" s="2"/>
    </row>
    <row r="3678" spans="1:12" s="17" customFormat="1" ht="27" customHeight="1" x14ac:dyDescent="0.15">
      <c r="A3678" s="13"/>
      <c r="B3678" s="14"/>
      <c r="C3678" s="13"/>
      <c r="D3678" s="14"/>
      <c r="E3678" s="14"/>
      <c r="F3678" s="16"/>
      <c r="G3678" s="2"/>
      <c r="H3678" s="2"/>
      <c r="I3678" s="2"/>
      <c r="J3678" s="2"/>
      <c r="K3678" s="2"/>
      <c r="L3678" s="2"/>
    </row>
    <row r="3679" spans="1:12" s="17" customFormat="1" ht="27" customHeight="1" x14ac:dyDescent="0.15">
      <c r="A3679" s="13"/>
      <c r="B3679" s="14"/>
      <c r="C3679" s="13"/>
      <c r="D3679" s="14"/>
      <c r="E3679" s="14"/>
      <c r="F3679" s="16"/>
      <c r="G3679" s="2"/>
      <c r="H3679" s="2"/>
      <c r="I3679" s="2"/>
      <c r="J3679" s="2"/>
      <c r="K3679" s="2"/>
      <c r="L3679" s="2"/>
    </row>
    <row r="3680" spans="1:12" s="17" customFormat="1" ht="27" customHeight="1" x14ac:dyDescent="0.15">
      <c r="A3680" s="13"/>
      <c r="B3680" s="14"/>
      <c r="C3680" s="13"/>
      <c r="D3680" s="14"/>
      <c r="E3680" s="14"/>
      <c r="F3680" s="16"/>
      <c r="G3680" s="2"/>
      <c r="H3680" s="2"/>
      <c r="I3680" s="2"/>
      <c r="J3680" s="2"/>
      <c r="K3680" s="2"/>
      <c r="L3680" s="2"/>
    </row>
    <row r="3681" spans="1:12" s="17" customFormat="1" ht="27" customHeight="1" x14ac:dyDescent="0.15">
      <c r="A3681" s="13"/>
      <c r="B3681" s="14"/>
      <c r="C3681" s="13"/>
      <c r="D3681" s="14"/>
      <c r="E3681" s="14"/>
      <c r="F3681" s="16"/>
      <c r="G3681" s="2"/>
      <c r="H3681" s="2"/>
      <c r="I3681" s="2"/>
      <c r="J3681" s="2"/>
      <c r="K3681" s="2"/>
      <c r="L3681" s="2"/>
    </row>
    <row r="3682" spans="1:12" s="17" customFormat="1" ht="27" customHeight="1" x14ac:dyDescent="0.15">
      <c r="A3682" s="13"/>
      <c r="B3682" s="14"/>
      <c r="C3682" s="13"/>
      <c r="D3682" s="14"/>
      <c r="E3682" s="14"/>
      <c r="F3682" s="16"/>
      <c r="G3682" s="2"/>
      <c r="H3682" s="2"/>
      <c r="I3682" s="2"/>
      <c r="J3682" s="2"/>
      <c r="K3682" s="2"/>
      <c r="L3682" s="2"/>
    </row>
    <row r="3683" spans="1:12" s="17" customFormat="1" ht="27" customHeight="1" x14ac:dyDescent="0.15">
      <c r="A3683" s="13"/>
      <c r="B3683" s="14"/>
      <c r="C3683" s="13"/>
      <c r="D3683" s="14"/>
      <c r="E3683" s="14"/>
      <c r="F3683" s="16"/>
      <c r="G3683" s="2"/>
      <c r="H3683" s="2"/>
      <c r="I3683" s="2"/>
      <c r="J3683" s="2"/>
      <c r="K3683" s="2"/>
      <c r="L3683" s="2"/>
    </row>
    <row r="3684" spans="1:12" s="17" customFormat="1" ht="27" customHeight="1" x14ac:dyDescent="0.15">
      <c r="A3684" s="13"/>
      <c r="B3684" s="14"/>
      <c r="C3684" s="13"/>
      <c r="D3684" s="14"/>
      <c r="E3684" s="14"/>
      <c r="F3684" s="16"/>
      <c r="G3684" s="2"/>
      <c r="H3684" s="2"/>
      <c r="I3684" s="2"/>
      <c r="J3684" s="2"/>
      <c r="K3684" s="2"/>
      <c r="L3684" s="2"/>
    </row>
    <row r="3685" spans="1:12" s="17" customFormat="1" ht="27" customHeight="1" x14ac:dyDescent="0.15">
      <c r="A3685" s="13"/>
      <c r="B3685" s="14"/>
      <c r="C3685" s="13"/>
      <c r="D3685" s="14"/>
      <c r="E3685" s="14"/>
      <c r="F3685" s="16"/>
      <c r="G3685" s="2"/>
      <c r="H3685" s="2"/>
      <c r="I3685" s="2"/>
      <c r="J3685" s="2"/>
      <c r="K3685" s="2"/>
      <c r="L3685" s="2"/>
    </row>
    <row r="3686" spans="1:12" s="17" customFormat="1" ht="27" customHeight="1" x14ac:dyDescent="0.15">
      <c r="A3686" s="13"/>
      <c r="B3686" s="14"/>
      <c r="C3686" s="13"/>
      <c r="D3686" s="14"/>
      <c r="E3686" s="14"/>
      <c r="F3686" s="16"/>
      <c r="G3686" s="2"/>
      <c r="H3686" s="2"/>
      <c r="I3686" s="2"/>
      <c r="J3686" s="2"/>
      <c r="K3686" s="2"/>
      <c r="L3686" s="2"/>
    </row>
    <row r="3687" spans="1:12" s="17" customFormat="1" ht="27" customHeight="1" x14ac:dyDescent="0.15">
      <c r="A3687" s="13"/>
      <c r="B3687" s="14"/>
      <c r="C3687" s="13"/>
      <c r="D3687" s="14"/>
      <c r="E3687" s="14"/>
      <c r="F3687" s="16"/>
      <c r="G3687" s="2"/>
      <c r="H3687" s="2"/>
      <c r="I3687" s="2"/>
      <c r="J3687" s="2"/>
      <c r="K3687" s="2"/>
      <c r="L3687" s="2"/>
    </row>
    <row r="3688" spans="1:12" s="17" customFormat="1" ht="27" customHeight="1" x14ac:dyDescent="0.15">
      <c r="A3688" s="13"/>
      <c r="B3688" s="14"/>
      <c r="C3688" s="13"/>
      <c r="D3688" s="14"/>
      <c r="E3688" s="14"/>
      <c r="F3688" s="16"/>
      <c r="G3688" s="2"/>
      <c r="H3688" s="2"/>
      <c r="I3688" s="2"/>
      <c r="J3688" s="2"/>
      <c r="K3688" s="2"/>
      <c r="L3688" s="2"/>
    </row>
    <row r="3689" spans="1:12" s="17" customFormat="1" ht="27" customHeight="1" x14ac:dyDescent="0.15">
      <c r="A3689" s="13"/>
      <c r="B3689" s="14"/>
      <c r="C3689" s="13"/>
      <c r="D3689" s="14"/>
      <c r="E3689" s="14"/>
      <c r="F3689" s="16"/>
      <c r="G3689" s="2"/>
      <c r="H3689" s="2"/>
      <c r="I3689" s="2"/>
      <c r="J3689" s="2"/>
      <c r="K3689" s="2"/>
      <c r="L3689" s="2"/>
    </row>
    <row r="3690" spans="1:12" s="17" customFormat="1" ht="27" customHeight="1" x14ac:dyDescent="0.15">
      <c r="A3690" s="13"/>
      <c r="B3690" s="14"/>
      <c r="C3690" s="13"/>
      <c r="D3690" s="14"/>
      <c r="E3690" s="14"/>
      <c r="F3690" s="16"/>
      <c r="G3690" s="2"/>
      <c r="H3690" s="2"/>
      <c r="I3690" s="2"/>
      <c r="J3690" s="2"/>
      <c r="K3690" s="2"/>
      <c r="L3690" s="2"/>
    </row>
    <row r="3691" spans="1:12" s="17" customFormat="1" ht="27" customHeight="1" x14ac:dyDescent="0.15">
      <c r="A3691" s="13"/>
      <c r="B3691" s="14"/>
      <c r="C3691" s="13"/>
      <c r="D3691" s="14"/>
      <c r="E3691" s="14"/>
      <c r="F3691" s="16"/>
      <c r="G3691" s="2"/>
      <c r="H3691" s="2"/>
      <c r="I3691" s="2"/>
      <c r="J3691" s="2"/>
      <c r="K3691" s="2"/>
      <c r="L3691" s="2"/>
    </row>
    <row r="3692" spans="1:12" s="17" customFormat="1" ht="27" customHeight="1" x14ac:dyDescent="0.15">
      <c r="A3692" s="13"/>
      <c r="B3692" s="14"/>
      <c r="C3692" s="13"/>
      <c r="D3692" s="14"/>
      <c r="E3692" s="14"/>
      <c r="F3692" s="16"/>
      <c r="G3692" s="2"/>
      <c r="H3692" s="2"/>
      <c r="I3692" s="2"/>
      <c r="J3692" s="2"/>
      <c r="K3692" s="2"/>
      <c r="L3692" s="2"/>
    </row>
    <row r="3693" spans="1:12" s="17" customFormat="1" ht="27" customHeight="1" x14ac:dyDescent="0.15">
      <c r="A3693" s="13"/>
      <c r="B3693" s="14"/>
      <c r="C3693" s="13"/>
      <c r="D3693" s="14"/>
      <c r="E3693" s="14"/>
      <c r="F3693" s="16"/>
      <c r="G3693" s="2"/>
      <c r="H3693" s="2"/>
      <c r="I3693" s="2"/>
      <c r="J3693" s="2"/>
      <c r="K3693" s="2"/>
      <c r="L3693" s="2"/>
    </row>
    <row r="3694" spans="1:12" s="17" customFormat="1" ht="27" customHeight="1" x14ac:dyDescent="0.15">
      <c r="A3694" s="13"/>
      <c r="B3694" s="14"/>
      <c r="C3694" s="13"/>
      <c r="D3694" s="14"/>
      <c r="E3694" s="14"/>
      <c r="F3694" s="16"/>
      <c r="G3694" s="2"/>
      <c r="H3694" s="2"/>
      <c r="I3694" s="2"/>
      <c r="J3694" s="2"/>
      <c r="K3694" s="2"/>
      <c r="L3694" s="2"/>
    </row>
    <row r="3695" spans="1:12" s="17" customFormat="1" ht="27" customHeight="1" x14ac:dyDescent="0.15">
      <c r="A3695" s="13"/>
      <c r="B3695" s="14"/>
      <c r="C3695" s="13"/>
      <c r="D3695" s="14"/>
      <c r="E3695" s="14"/>
      <c r="F3695" s="16"/>
      <c r="G3695" s="2"/>
      <c r="H3695" s="2"/>
      <c r="I3695" s="2"/>
      <c r="J3695" s="2"/>
      <c r="K3695" s="2"/>
      <c r="L3695" s="2"/>
    </row>
    <row r="3696" spans="1:12" s="17" customFormat="1" ht="27" customHeight="1" x14ac:dyDescent="0.15">
      <c r="A3696" s="13"/>
      <c r="B3696" s="14"/>
      <c r="C3696" s="13"/>
      <c r="D3696" s="14"/>
      <c r="E3696" s="14"/>
      <c r="F3696" s="16"/>
      <c r="G3696" s="2"/>
      <c r="H3696" s="2"/>
      <c r="I3696" s="2"/>
      <c r="J3696" s="2"/>
      <c r="K3696" s="2"/>
      <c r="L3696" s="2"/>
    </row>
    <row r="3697" spans="1:12" s="17" customFormat="1" ht="27" customHeight="1" x14ac:dyDescent="0.15">
      <c r="A3697" s="13"/>
      <c r="B3697" s="14"/>
      <c r="C3697" s="13"/>
      <c r="D3697" s="14"/>
      <c r="E3697" s="14"/>
      <c r="F3697" s="16"/>
      <c r="G3697" s="2"/>
      <c r="H3697" s="2"/>
      <c r="I3697" s="2"/>
      <c r="J3697" s="2"/>
      <c r="K3697" s="2"/>
      <c r="L3697" s="2"/>
    </row>
    <row r="3698" spans="1:12" s="17" customFormat="1" ht="27" customHeight="1" x14ac:dyDescent="0.15">
      <c r="A3698" s="13"/>
      <c r="B3698" s="14"/>
      <c r="C3698" s="13"/>
      <c r="D3698" s="14"/>
      <c r="E3698" s="14"/>
      <c r="F3698" s="16"/>
      <c r="G3698" s="2"/>
      <c r="H3698" s="2"/>
      <c r="I3698" s="2"/>
      <c r="J3698" s="2"/>
      <c r="K3698" s="2"/>
      <c r="L3698" s="2"/>
    </row>
    <row r="3699" spans="1:12" s="17" customFormat="1" ht="27" customHeight="1" x14ac:dyDescent="0.15">
      <c r="A3699" s="13"/>
      <c r="B3699" s="14"/>
      <c r="C3699" s="13"/>
      <c r="D3699" s="14"/>
      <c r="E3699" s="14"/>
      <c r="F3699" s="16"/>
      <c r="G3699" s="2"/>
      <c r="H3699" s="2"/>
      <c r="I3699" s="2"/>
      <c r="J3699" s="2"/>
      <c r="K3699" s="2"/>
      <c r="L3699" s="2"/>
    </row>
    <row r="3700" spans="1:12" s="17" customFormat="1" ht="27" customHeight="1" x14ac:dyDescent="0.15">
      <c r="A3700" s="13"/>
      <c r="B3700" s="14"/>
      <c r="C3700" s="13"/>
      <c r="D3700" s="14"/>
      <c r="E3700" s="14"/>
      <c r="F3700" s="16"/>
      <c r="G3700" s="2"/>
      <c r="H3700" s="2"/>
      <c r="I3700" s="2"/>
      <c r="J3700" s="2"/>
      <c r="K3700" s="2"/>
      <c r="L3700" s="2"/>
    </row>
    <row r="3701" spans="1:12" s="17" customFormat="1" ht="27" customHeight="1" x14ac:dyDescent="0.15">
      <c r="A3701" s="13"/>
      <c r="B3701" s="14"/>
      <c r="C3701" s="13"/>
      <c r="D3701" s="14"/>
      <c r="E3701" s="14"/>
      <c r="F3701" s="16"/>
      <c r="G3701" s="2"/>
      <c r="H3701" s="2"/>
      <c r="I3701" s="2"/>
      <c r="J3701" s="2"/>
      <c r="K3701" s="2"/>
      <c r="L3701" s="2"/>
    </row>
    <row r="3702" spans="1:12" s="17" customFormat="1" ht="27" customHeight="1" x14ac:dyDescent="0.15">
      <c r="A3702" s="13"/>
      <c r="B3702" s="14"/>
      <c r="C3702" s="13"/>
      <c r="D3702" s="14"/>
      <c r="E3702" s="14"/>
      <c r="F3702" s="16"/>
      <c r="G3702" s="2"/>
      <c r="H3702" s="2"/>
      <c r="I3702" s="2"/>
      <c r="J3702" s="2"/>
      <c r="K3702" s="2"/>
      <c r="L3702" s="2"/>
    </row>
    <row r="3703" spans="1:12" s="17" customFormat="1" ht="27" customHeight="1" x14ac:dyDescent="0.15">
      <c r="A3703" s="13"/>
      <c r="B3703" s="14"/>
      <c r="C3703" s="13"/>
      <c r="D3703" s="14"/>
      <c r="E3703" s="14"/>
      <c r="F3703" s="16"/>
      <c r="G3703" s="2"/>
      <c r="H3703" s="2"/>
      <c r="I3703" s="2"/>
      <c r="J3703" s="2"/>
      <c r="K3703" s="2"/>
      <c r="L3703" s="2"/>
    </row>
    <row r="3704" spans="1:12" s="17" customFormat="1" ht="27" customHeight="1" x14ac:dyDescent="0.15">
      <c r="A3704" s="13"/>
      <c r="B3704" s="14"/>
      <c r="C3704" s="13"/>
      <c r="D3704" s="14"/>
      <c r="E3704" s="14"/>
      <c r="F3704" s="16"/>
      <c r="G3704" s="2"/>
      <c r="H3704" s="2"/>
      <c r="I3704" s="2"/>
      <c r="J3704" s="2"/>
      <c r="K3704" s="2"/>
      <c r="L3704" s="2"/>
    </row>
    <row r="3705" spans="1:12" s="17" customFormat="1" ht="27" customHeight="1" x14ac:dyDescent="0.15">
      <c r="A3705" s="13"/>
      <c r="B3705" s="14"/>
      <c r="C3705" s="13"/>
      <c r="D3705" s="14"/>
      <c r="E3705" s="14"/>
      <c r="F3705" s="16"/>
      <c r="G3705" s="2"/>
      <c r="H3705" s="2"/>
      <c r="I3705" s="2"/>
      <c r="J3705" s="2"/>
      <c r="K3705" s="2"/>
      <c r="L3705" s="2"/>
    </row>
    <row r="3706" spans="1:12" s="17" customFormat="1" ht="27" customHeight="1" x14ac:dyDescent="0.15">
      <c r="A3706" s="13"/>
      <c r="B3706" s="14"/>
      <c r="C3706" s="13"/>
      <c r="D3706" s="14"/>
      <c r="E3706" s="14"/>
      <c r="F3706" s="16"/>
      <c r="G3706" s="2"/>
      <c r="H3706" s="2"/>
      <c r="I3706" s="2"/>
      <c r="J3706" s="2"/>
      <c r="K3706" s="2"/>
      <c r="L3706" s="2"/>
    </row>
    <row r="3707" spans="1:12" s="17" customFormat="1" ht="27" customHeight="1" x14ac:dyDescent="0.15">
      <c r="A3707" s="13"/>
      <c r="B3707" s="14"/>
      <c r="C3707" s="13"/>
      <c r="D3707" s="14"/>
      <c r="E3707" s="14"/>
      <c r="F3707" s="16"/>
      <c r="G3707" s="2"/>
      <c r="H3707" s="2"/>
      <c r="I3707" s="2"/>
      <c r="J3707" s="2"/>
      <c r="K3707" s="2"/>
      <c r="L3707" s="2"/>
    </row>
    <row r="3708" spans="1:12" s="17" customFormat="1" ht="27" customHeight="1" x14ac:dyDescent="0.15">
      <c r="A3708" s="13"/>
      <c r="B3708" s="14"/>
      <c r="C3708" s="13"/>
      <c r="D3708" s="14"/>
      <c r="E3708" s="14"/>
      <c r="F3708" s="16"/>
      <c r="G3708" s="2"/>
      <c r="H3708" s="2"/>
      <c r="I3708" s="2"/>
      <c r="J3708" s="2"/>
      <c r="K3708" s="2"/>
      <c r="L3708" s="2"/>
    </row>
    <row r="3709" spans="1:12" s="17" customFormat="1" ht="27" customHeight="1" x14ac:dyDescent="0.15">
      <c r="A3709" s="13"/>
      <c r="B3709" s="14"/>
      <c r="C3709" s="13"/>
      <c r="D3709" s="14"/>
      <c r="E3709" s="14"/>
      <c r="F3709" s="16"/>
      <c r="G3709" s="2"/>
      <c r="H3709" s="2"/>
      <c r="I3709" s="2"/>
      <c r="J3709" s="2"/>
      <c r="K3709" s="2"/>
      <c r="L3709" s="2"/>
    </row>
    <row r="3710" spans="1:12" s="17" customFormat="1" ht="27" customHeight="1" x14ac:dyDescent="0.15">
      <c r="A3710" s="13"/>
      <c r="B3710" s="14"/>
      <c r="C3710" s="13"/>
      <c r="D3710" s="14"/>
      <c r="E3710" s="14"/>
      <c r="F3710" s="16"/>
      <c r="G3710" s="2"/>
      <c r="H3710" s="2"/>
      <c r="I3710" s="2"/>
      <c r="J3710" s="2"/>
      <c r="K3710" s="2"/>
      <c r="L3710" s="2"/>
    </row>
    <row r="3711" spans="1:12" s="17" customFormat="1" ht="27" customHeight="1" x14ac:dyDescent="0.15">
      <c r="A3711" s="13"/>
      <c r="B3711" s="14"/>
      <c r="C3711" s="13"/>
      <c r="D3711" s="14"/>
      <c r="E3711" s="14"/>
      <c r="F3711" s="16"/>
      <c r="G3711" s="2"/>
      <c r="H3711" s="2"/>
      <c r="I3711" s="2"/>
      <c r="J3711" s="2"/>
      <c r="K3711" s="2"/>
      <c r="L3711" s="2"/>
    </row>
    <row r="3712" spans="1:12" s="17" customFormat="1" ht="27" customHeight="1" x14ac:dyDescent="0.15">
      <c r="A3712" s="13"/>
      <c r="B3712" s="14"/>
      <c r="C3712" s="13"/>
      <c r="D3712" s="14"/>
      <c r="E3712" s="14"/>
      <c r="F3712" s="16"/>
      <c r="G3712" s="2"/>
      <c r="H3712" s="2"/>
      <c r="I3712" s="2"/>
      <c r="J3712" s="2"/>
      <c r="K3712" s="2"/>
      <c r="L3712" s="2"/>
    </row>
    <row r="3713" spans="1:12" s="17" customFormat="1" ht="27" customHeight="1" x14ac:dyDescent="0.15">
      <c r="A3713" s="13"/>
      <c r="B3713" s="14"/>
      <c r="C3713" s="13"/>
      <c r="D3713" s="14"/>
      <c r="E3713" s="14"/>
      <c r="F3713" s="16"/>
      <c r="G3713" s="2"/>
      <c r="H3713" s="2"/>
      <c r="I3713" s="2"/>
      <c r="J3713" s="2"/>
      <c r="K3713" s="2"/>
      <c r="L3713" s="2"/>
    </row>
    <row r="3714" spans="1:12" s="17" customFormat="1" ht="27" customHeight="1" x14ac:dyDescent="0.15">
      <c r="A3714" s="13"/>
      <c r="B3714" s="14"/>
      <c r="C3714" s="13"/>
      <c r="D3714" s="14"/>
      <c r="E3714" s="14"/>
      <c r="F3714" s="16"/>
      <c r="G3714" s="2"/>
      <c r="H3714" s="2"/>
      <c r="I3714" s="2"/>
      <c r="J3714" s="2"/>
      <c r="K3714" s="2"/>
      <c r="L3714" s="2"/>
    </row>
    <row r="3715" spans="1:12" s="17" customFormat="1" ht="27" customHeight="1" x14ac:dyDescent="0.15">
      <c r="A3715" s="13"/>
      <c r="B3715" s="14"/>
      <c r="C3715" s="13"/>
      <c r="D3715" s="14"/>
      <c r="E3715" s="14"/>
      <c r="F3715" s="16"/>
      <c r="G3715" s="2"/>
      <c r="H3715" s="2"/>
      <c r="I3715" s="2"/>
      <c r="J3715" s="2"/>
      <c r="K3715" s="2"/>
      <c r="L3715" s="2"/>
    </row>
    <row r="3716" spans="1:12" s="17" customFormat="1" ht="27" customHeight="1" x14ac:dyDescent="0.15">
      <c r="A3716" s="13"/>
      <c r="B3716" s="14"/>
      <c r="C3716" s="13"/>
      <c r="D3716" s="14"/>
      <c r="E3716" s="14"/>
      <c r="F3716" s="16"/>
      <c r="G3716" s="2"/>
      <c r="H3716" s="2"/>
      <c r="I3716" s="2"/>
      <c r="J3716" s="2"/>
      <c r="K3716" s="2"/>
      <c r="L3716" s="2"/>
    </row>
    <row r="3717" spans="1:12" s="17" customFormat="1" ht="27" customHeight="1" x14ac:dyDescent="0.15">
      <c r="A3717" s="13"/>
      <c r="B3717" s="14"/>
      <c r="C3717" s="13"/>
      <c r="D3717" s="14"/>
      <c r="E3717" s="14"/>
      <c r="F3717" s="16"/>
      <c r="G3717" s="2"/>
      <c r="H3717" s="2"/>
      <c r="I3717" s="2"/>
      <c r="J3717" s="2"/>
      <c r="K3717" s="2"/>
      <c r="L3717" s="2"/>
    </row>
    <row r="3718" spans="1:12" s="17" customFormat="1" ht="27" customHeight="1" x14ac:dyDescent="0.15">
      <c r="A3718" s="13"/>
      <c r="B3718" s="14"/>
      <c r="C3718" s="13"/>
      <c r="D3718" s="14"/>
      <c r="E3718" s="14"/>
      <c r="F3718" s="16"/>
      <c r="G3718" s="2"/>
      <c r="H3718" s="2"/>
      <c r="I3718" s="2"/>
      <c r="J3718" s="2"/>
      <c r="K3718" s="2"/>
      <c r="L3718" s="2"/>
    </row>
    <row r="3719" spans="1:12" s="17" customFormat="1" ht="27" customHeight="1" x14ac:dyDescent="0.15">
      <c r="A3719" s="13"/>
      <c r="B3719" s="14"/>
      <c r="C3719" s="13"/>
      <c r="D3719" s="14"/>
      <c r="E3719" s="14"/>
      <c r="F3719" s="16"/>
      <c r="G3719" s="2"/>
      <c r="H3719" s="2"/>
      <c r="I3719" s="2"/>
      <c r="J3719" s="2"/>
      <c r="K3719" s="2"/>
      <c r="L3719" s="2"/>
    </row>
    <row r="3720" spans="1:12" s="17" customFormat="1" ht="27" customHeight="1" x14ac:dyDescent="0.15">
      <c r="A3720" s="13"/>
      <c r="B3720" s="14"/>
      <c r="C3720" s="13"/>
      <c r="D3720" s="14"/>
      <c r="E3720" s="14"/>
      <c r="F3720" s="16"/>
      <c r="G3720" s="2"/>
      <c r="H3720" s="2"/>
      <c r="I3720" s="2"/>
      <c r="J3720" s="2"/>
      <c r="K3720" s="2"/>
      <c r="L3720" s="2"/>
    </row>
    <row r="3721" spans="1:12" s="17" customFormat="1" ht="27" customHeight="1" x14ac:dyDescent="0.15">
      <c r="A3721" s="13"/>
      <c r="B3721" s="14"/>
      <c r="C3721" s="13"/>
      <c r="D3721" s="14"/>
      <c r="E3721" s="14"/>
      <c r="F3721" s="16"/>
      <c r="G3721" s="2"/>
      <c r="H3721" s="2"/>
      <c r="I3721" s="2"/>
      <c r="J3721" s="2"/>
      <c r="K3721" s="2"/>
      <c r="L3721" s="2"/>
    </row>
    <row r="3722" spans="1:12" s="17" customFormat="1" ht="27" customHeight="1" x14ac:dyDescent="0.15">
      <c r="A3722" s="13"/>
      <c r="B3722" s="14"/>
      <c r="C3722" s="13"/>
      <c r="D3722" s="14"/>
      <c r="E3722" s="14"/>
      <c r="F3722" s="16"/>
      <c r="G3722" s="2"/>
      <c r="H3722" s="2"/>
      <c r="I3722" s="2"/>
      <c r="J3722" s="2"/>
      <c r="K3722" s="2"/>
      <c r="L3722" s="2"/>
    </row>
    <row r="3723" spans="1:12" s="17" customFormat="1" ht="27" customHeight="1" x14ac:dyDescent="0.15">
      <c r="A3723" s="13"/>
      <c r="B3723" s="14"/>
      <c r="C3723" s="13"/>
      <c r="D3723" s="14"/>
      <c r="E3723" s="14"/>
      <c r="F3723" s="16"/>
      <c r="G3723" s="2"/>
      <c r="H3723" s="2"/>
      <c r="I3723" s="2"/>
      <c r="J3723" s="2"/>
      <c r="K3723" s="2"/>
      <c r="L3723" s="2"/>
    </row>
    <row r="3724" spans="1:12" s="17" customFormat="1" ht="27" customHeight="1" x14ac:dyDescent="0.15">
      <c r="A3724" s="13"/>
      <c r="B3724" s="14"/>
      <c r="C3724" s="13"/>
      <c r="D3724" s="14"/>
      <c r="E3724" s="14"/>
      <c r="F3724" s="16"/>
      <c r="G3724" s="2"/>
      <c r="H3724" s="2"/>
      <c r="I3724" s="2"/>
      <c r="J3724" s="2"/>
      <c r="K3724" s="2"/>
      <c r="L3724" s="2"/>
    </row>
    <row r="3725" spans="1:12" s="17" customFormat="1" ht="27" customHeight="1" x14ac:dyDescent="0.15">
      <c r="A3725" s="13"/>
      <c r="B3725" s="14"/>
      <c r="C3725" s="13"/>
      <c r="D3725" s="14"/>
      <c r="E3725" s="14"/>
      <c r="F3725" s="16"/>
      <c r="G3725" s="2"/>
      <c r="H3725" s="2"/>
      <c r="I3725" s="2"/>
      <c r="J3725" s="2"/>
      <c r="K3725" s="2"/>
      <c r="L3725" s="2"/>
    </row>
    <row r="3726" spans="1:12" s="17" customFormat="1" ht="27" customHeight="1" x14ac:dyDescent="0.15">
      <c r="A3726" s="13"/>
      <c r="B3726" s="14"/>
      <c r="C3726" s="13"/>
      <c r="D3726" s="14"/>
      <c r="E3726" s="14"/>
      <c r="F3726" s="16"/>
      <c r="G3726" s="2"/>
      <c r="H3726" s="2"/>
      <c r="I3726" s="2"/>
      <c r="J3726" s="2"/>
      <c r="K3726" s="2"/>
      <c r="L3726" s="2"/>
    </row>
    <row r="3727" spans="1:12" s="17" customFormat="1" ht="27" customHeight="1" x14ac:dyDescent="0.15">
      <c r="A3727" s="13"/>
      <c r="B3727" s="14"/>
      <c r="C3727" s="13"/>
      <c r="D3727" s="14"/>
      <c r="E3727" s="14"/>
      <c r="F3727" s="16"/>
      <c r="G3727" s="2"/>
      <c r="H3727" s="2"/>
      <c r="I3727" s="2"/>
      <c r="J3727" s="2"/>
      <c r="K3727" s="2"/>
      <c r="L3727" s="2"/>
    </row>
    <row r="3728" spans="1:12" s="17" customFormat="1" ht="27" customHeight="1" x14ac:dyDescent="0.15">
      <c r="A3728" s="13"/>
      <c r="B3728" s="14"/>
      <c r="C3728" s="13"/>
      <c r="D3728" s="14"/>
      <c r="E3728" s="14"/>
      <c r="F3728" s="16"/>
      <c r="G3728" s="2"/>
      <c r="H3728" s="2"/>
      <c r="I3728" s="2"/>
      <c r="J3728" s="2"/>
      <c r="K3728" s="2"/>
      <c r="L3728" s="2"/>
    </row>
    <row r="3729" spans="1:12" s="17" customFormat="1" ht="27" customHeight="1" x14ac:dyDescent="0.15">
      <c r="A3729" s="13"/>
      <c r="B3729" s="14"/>
      <c r="C3729" s="13"/>
      <c r="D3729" s="14"/>
      <c r="E3729" s="14"/>
      <c r="F3729" s="16"/>
      <c r="G3729" s="2"/>
      <c r="H3729" s="2"/>
      <c r="I3729" s="2"/>
      <c r="J3729" s="2"/>
      <c r="K3729" s="2"/>
      <c r="L3729" s="2"/>
    </row>
    <row r="3730" spans="1:12" s="17" customFormat="1" ht="27" customHeight="1" x14ac:dyDescent="0.15">
      <c r="A3730" s="13"/>
      <c r="B3730" s="14"/>
      <c r="C3730" s="13"/>
      <c r="D3730" s="14"/>
      <c r="E3730" s="14"/>
      <c r="F3730" s="16"/>
      <c r="G3730" s="2"/>
      <c r="H3730" s="2"/>
      <c r="I3730" s="2"/>
      <c r="J3730" s="2"/>
      <c r="K3730" s="2"/>
      <c r="L3730" s="2"/>
    </row>
    <row r="3731" spans="1:12" s="17" customFormat="1" ht="27" customHeight="1" x14ac:dyDescent="0.15">
      <c r="A3731" s="13"/>
      <c r="B3731" s="14"/>
      <c r="C3731" s="13"/>
      <c r="D3731" s="14"/>
      <c r="E3731" s="14"/>
      <c r="F3731" s="16"/>
      <c r="G3731" s="2"/>
      <c r="H3731" s="2"/>
      <c r="I3731" s="2"/>
      <c r="J3731" s="2"/>
      <c r="K3731" s="2"/>
      <c r="L3731" s="2"/>
    </row>
    <row r="3732" spans="1:12" s="17" customFormat="1" ht="27" customHeight="1" x14ac:dyDescent="0.15">
      <c r="A3732" s="13"/>
      <c r="B3732" s="14"/>
      <c r="C3732" s="13"/>
      <c r="D3732" s="14"/>
      <c r="E3732" s="14"/>
      <c r="F3732" s="16"/>
      <c r="G3732" s="2"/>
      <c r="H3732" s="2"/>
      <c r="I3732" s="2"/>
      <c r="J3732" s="2"/>
      <c r="K3732" s="2"/>
      <c r="L3732" s="2"/>
    </row>
    <row r="3733" spans="1:12" s="17" customFormat="1" ht="27" customHeight="1" x14ac:dyDescent="0.15">
      <c r="A3733" s="13"/>
      <c r="B3733" s="14"/>
      <c r="C3733" s="13"/>
      <c r="D3733" s="14"/>
      <c r="E3733" s="14"/>
      <c r="F3733" s="16"/>
      <c r="G3733" s="2"/>
      <c r="H3733" s="2"/>
      <c r="I3733" s="2"/>
      <c r="J3733" s="2"/>
      <c r="K3733" s="2"/>
      <c r="L3733" s="2"/>
    </row>
    <row r="3734" spans="1:12" s="17" customFormat="1" ht="27" customHeight="1" x14ac:dyDescent="0.15">
      <c r="A3734" s="13"/>
      <c r="B3734" s="14"/>
      <c r="C3734" s="13"/>
      <c r="D3734" s="14"/>
      <c r="E3734" s="14"/>
      <c r="F3734" s="16"/>
      <c r="G3734" s="2"/>
      <c r="H3734" s="2"/>
      <c r="I3734" s="2"/>
      <c r="J3734" s="2"/>
      <c r="K3734" s="2"/>
      <c r="L3734" s="2"/>
    </row>
    <row r="3735" spans="1:12" s="17" customFormat="1" ht="27" customHeight="1" x14ac:dyDescent="0.15">
      <c r="A3735" s="13"/>
      <c r="B3735" s="14"/>
      <c r="C3735" s="13"/>
      <c r="D3735" s="14"/>
      <c r="E3735" s="14"/>
      <c r="F3735" s="16"/>
      <c r="G3735" s="2"/>
      <c r="H3735" s="2"/>
      <c r="I3735" s="2"/>
      <c r="J3735" s="2"/>
      <c r="K3735" s="2"/>
      <c r="L3735" s="2"/>
    </row>
    <row r="3736" spans="1:12" s="17" customFormat="1" ht="27" customHeight="1" x14ac:dyDescent="0.15">
      <c r="A3736" s="13"/>
      <c r="B3736" s="14"/>
      <c r="C3736" s="13"/>
      <c r="D3736" s="14"/>
      <c r="E3736" s="14"/>
      <c r="F3736" s="16"/>
      <c r="G3736" s="2"/>
      <c r="H3736" s="2"/>
      <c r="I3736" s="2"/>
      <c r="J3736" s="2"/>
      <c r="K3736" s="2"/>
      <c r="L3736" s="2"/>
    </row>
    <row r="3737" spans="1:12" s="17" customFormat="1" ht="27" customHeight="1" x14ac:dyDescent="0.15">
      <c r="A3737" s="13"/>
      <c r="B3737" s="14"/>
      <c r="C3737" s="13"/>
      <c r="D3737" s="14"/>
      <c r="E3737" s="14"/>
      <c r="F3737" s="16"/>
      <c r="G3737" s="2"/>
      <c r="H3737" s="2"/>
      <c r="I3737" s="2"/>
      <c r="J3737" s="2"/>
      <c r="K3737" s="2"/>
      <c r="L3737" s="2"/>
    </row>
    <row r="3738" spans="1:12" s="17" customFormat="1" ht="27" customHeight="1" x14ac:dyDescent="0.15">
      <c r="A3738" s="13"/>
      <c r="B3738" s="14"/>
      <c r="C3738" s="13"/>
      <c r="D3738" s="14"/>
      <c r="E3738" s="14"/>
      <c r="F3738" s="16"/>
      <c r="G3738" s="2"/>
      <c r="H3738" s="2"/>
      <c r="I3738" s="2"/>
      <c r="J3738" s="2"/>
      <c r="K3738" s="2"/>
      <c r="L3738" s="2"/>
    </row>
    <row r="3739" spans="1:12" s="17" customFormat="1" ht="27" customHeight="1" x14ac:dyDescent="0.15">
      <c r="A3739" s="13"/>
      <c r="B3739" s="14"/>
      <c r="C3739" s="13"/>
      <c r="D3739" s="14"/>
      <c r="E3739" s="14"/>
      <c r="F3739" s="16"/>
      <c r="G3739" s="2"/>
      <c r="H3739" s="2"/>
      <c r="I3739" s="2"/>
      <c r="J3739" s="2"/>
      <c r="K3739" s="2"/>
      <c r="L3739" s="2"/>
    </row>
    <row r="3740" spans="1:12" s="17" customFormat="1" ht="27" customHeight="1" x14ac:dyDescent="0.15">
      <c r="A3740" s="13"/>
      <c r="B3740" s="14"/>
      <c r="C3740" s="13"/>
      <c r="D3740" s="14"/>
      <c r="E3740" s="14"/>
      <c r="F3740" s="16"/>
      <c r="G3740" s="2"/>
      <c r="H3740" s="2"/>
      <c r="I3740" s="2"/>
      <c r="J3740" s="2"/>
      <c r="K3740" s="2"/>
      <c r="L3740" s="2"/>
    </row>
    <row r="3741" spans="1:12" s="17" customFormat="1" ht="27" customHeight="1" x14ac:dyDescent="0.15">
      <c r="A3741" s="13"/>
      <c r="B3741" s="14"/>
      <c r="C3741" s="13"/>
      <c r="D3741" s="14"/>
      <c r="E3741" s="14"/>
      <c r="F3741" s="16"/>
      <c r="G3741" s="2"/>
      <c r="H3741" s="2"/>
      <c r="I3741" s="2"/>
      <c r="J3741" s="2"/>
      <c r="K3741" s="2"/>
      <c r="L3741" s="2"/>
    </row>
    <row r="3742" spans="1:12" s="17" customFormat="1" ht="27" customHeight="1" x14ac:dyDescent="0.15">
      <c r="A3742" s="13"/>
      <c r="B3742" s="14"/>
      <c r="C3742" s="13"/>
      <c r="D3742" s="14"/>
      <c r="E3742" s="14"/>
      <c r="F3742" s="16"/>
      <c r="G3742" s="2"/>
      <c r="H3742" s="2"/>
      <c r="I3742" s="2"/>
      <c r="J3742" s="2"/>
      <c r="K3742" s="2"/>
      <c r="L3742" s="2"/>
    </row>
    <row r="3743" spans="1:12" s="17" customFormat="1" ht="27" customHeight="1" x14ac:dyDescent="0.15">
      <c r="A3743" s="13"/>
      <c r="B3743" s="14"/>
      <c r="C3743" s="13"/>
      <c r="D3743" s="14"/>
      <c r="E3743" s="14"/>
      <c r="F3743" s="16"/>
      <c r="G3743" s="2"/>
      <c r="H3743" s="2"/>
      <c r="I3743" s="2"/>
      <c r="J3743" s="2"/>
      <c r="K3743" s="2"/>
      <c r="L3743" s="2"/>
    </row>
    <row r="3744" spans="1:12" s="17" customFormat="1" ht="27" customHeight="1" x14ac:dyDescent="0.15">
      <c r="A3744" s="13"/>
      <c r="B3744" s="14"/>
      <c r="C3744" s="13"/>
      <c r="D3744" s="14"/>
      <c r="E3744" s="14"/>
      <c r="F3744" s="16"/>
      <c r="G3744" s="2"/>
      <c r="H3744" s="2"/>
      <c r="I3744" s="2"/>
      <c r="J3744" s="2"/>
      <c r="K3744" s="2"/>
      <c r="L3744" s="2"/>
    </row>
    <row r="3745" spans="1:12" s="17" customFormat="1" ht="27" customHeight="1" x14ac:dyDescent="0.15">
      <c r="A3745" s="13"/>
      <c r="B3745" s="14"/>
      <c r="C3745" s="13"/>
      <c r="D3745" s="14"/>
      <c r="E3745" s="14"/>
      <c r="F3745" s="16"/>
      <c r="G3745" s="2"/>
      <c r="H3745" s="2"/>
      <c r="I3745" s="2"/>
      <c r="J3745" s="2"/>
      <c r="K3745" s="2"/>
      <c r="L3745" s="2"/>
    </row>
    <row r="3746" spans="1:12" s="17" customFormat="1" ht="27" customHeight="1" x14ac:dyDescent="0.15">
      <c r="A3746" s="13"/>
      <c r="B3746" s="14"/>
      <c r="C3746" s="13"/>
      <c r="D3746" s="14"/>
      <c r="E3746" s="14"/>
      <c r="F3746" s="16"/>
      <c r="G3746" s="2"/>
      <c r="H3746" s="2"/>
      <c r="I3746" s="2"/>
      <c r="J3746" s="2"/>
      <c r="K3746" s="2"/>
      <c r="L3746" s="2"/>
    </row>
    <row r="3747" spans="1:12" s="17" customFormat="1" ht="27" customHeight="1" x14ac:dyDescent="0.15">
      <c r="A3747" s="13"/>
      <c r="B3747" s="14"/>
      <c r="C3747" s="13"/>
      <c r="D3747" s="14"/>
      <c r="E3747" s="14"/>
      <c r="F3747" s="16"/>
      <c r="G3747" s="2"/>
      <c r="H3747" s="2"/>
      <c r="I3747" s="2"/>
      <c r="J3747" s="2"/>
      <c r="K3747" s="2"/>
      <c r="L3747" s="2"/>
    </row>
    <row r="3748" spans="1:12" s="17" customFormat="1" ht="27" customHeight="1" x14ac:dyDescent="0.15">
      <c r="A3748" s="13"/>
      <c r="B3748" s="14"/>
      <c r="C3748" s="13"/>
      <c r="D3748" s="14"/>
      <c r="E3748" s="14"/>
      <c r="F3748" s="16"/>
      <c r="G3748" s="2"/>
      <c r="H3748" s="2"/>
      <c r="I3748" s="2"/>
      <c r="J3748" s="2"/>
      <c r="K3748" s="2"/>
      <c r="L3748" s="2"/>
    </row>
    <row r="3749" spans="1:12" s="17" customFormat="1" ht="27" customHeight="1" x14ac:dyDescent="0.15">
      <c r="A3749" s="13"/>
      <c r="B3749" s="14"/>
      <c r="C3749" s="13"/>
      <c r="D3749" s="14"/>
      <c r="E3749" s="14"/>
      <c r="F3749" s="16"/>
      <c r="G3749" s="2"/>
      <c r="H3749" s="2"/>
      <c r="I3749" s="2"/>
      <c r="J3749" s="2"/>
      <c r="K3749" s="2"/>
      <c r="L3749" s="2"/>
    </row>
    <row r="3750" spans="1:12" s="17" customFormat="1" ht="27" customHeight="1" x14ac:dyDescent="0.15">
      <c r="A3750" s="13"/>
      <c r="B3750" s="14"/>
      <c r="C3750" s="13"/>
      <c r="D3750" s="14"/>
      <c r="E3750" s="14"/>
      <c r="F3750" s="16"/>
      <c r="G3750" s="2"/>
      <c r="H3750" s="2"/>
      <c r="I3750" s="2"/>
      <c r="J3750" s="2"/>
      <c r="K3750" s="2"/>
      <c r="L3750" s="2"/>
    </row>
    <row r="3751" spans="1:12" s="17" customFormat="1" ht="27" customHeight="1" x14ac:dyDescent="0.15">
      <c r="A3751" s="13"/>
      <c r="B3751" s="14"/>
      <c r="C3751" s="13"/>
      <c r="D3751" s="14"/>
      <c r="E3751" s="14"/>
      <c r="F3751" s="16"/>
      <c r="G3751" s="2"/>
      <c r="H3751" s="2"/>
      <c r="I3751" s="2"/>
      <c r="J3751" s="2"/>
      <c r="K3751" s="2"/>
      <c r="L3751" s="2"/>
    </row>
    <row r="3752" spans="1:12" s="17" customFormat="1" ht="27" customHeight="1" x14ac:dyDescent="0.15">
      <c r="A3752" s="13"/>
      <c r="B3752" s="14"/>
      <c r="C3752" s="13"/>
      <c r="D3752" s="14"/>
      <c r="E3752" s="14"/>
      <c r="F3752" s="16"/>
      <c r="G3752" s="2"/>
      <c r="H3752" s="2"/>
      <c r="I3752" s="2"/>
      <c r="J3752" s="2"/>
      <c r="K3752" s="2"/>
      <c r="L3752" s="2"/>
    </row>
    <row r="3753" spans="1:12" s="17" customFormat="1" ht="27" customHeight="1" x14ac:dyDescent="0.15">
      <c r="A3753" s="13"/>
      <c r="B3753" s="14"/>
      <c r="C3753" s="13"/>
      <c r="D3753" s="14"/>
      <c r="E3753" s="14"/>
      <c r="F3753" s="16"/>
      <c r="G3753" s="2"/>
      <c r="H3753" s="2"/>
      <c r="I3753" s="2"/>
      <c r="J3753" s="2"/>
      <c r="K3753" s="2"/>
      <c r="L3753" s="2"/>
    </row>
    <row r="3754" spans="1:12" s="17" customFormat="1" ht="27" customHeight="1" x14ac:dyDescent="0.15">
      <c r="A3754" s="13"/>
      <c r="B3754" s="14"/>
      <c r="C3754" s="13"/>
      <c r="D3754" s="14"/>
      <c r="E3754" s="14"/>
      <c r="F3754" s="16"/>
      <c r="G3754" s="2"/>
      <c r="H3754" s="2"/>
      <c r="I3754" s="2"/>
      <c r="J3754" s="2"/>
      <c r="K3754" s="2"/>
      <c r="L3754" s="2"/>
    </row>
    <row r="3755" spans="1:12" s="17" customFormat="1" ht="27" customHeight="1" x14ac:dyDescent="0.15">
      <c r="A3755" s="13"/>
      <c r="B3755" s="14"/>
      <c r="C3755" s="13"/>
      <c r="D3755" s="14"/>
      <c r="E3755" s="14"/>
      <c r="F3755" s="16"/>
      <c r="G3755" s="2"/>
      <c r="H3755" s="2"/>
      <c r="I3755" s="2"/>
      <c r="J3755" s="2"/>
      <c r="K3755" s="2"/>
      <c r="L3755" s="2"/>
    </row>
    <row r="3756" spans="1:12" s="17" customFormat="1" ht="27" customHeight="1" x14ac:dyDescent="0.15">
      <c r="A3756" s="13"/>
      <c r="B3756" s="14"/>
      <c r="C3756" s="13"/>
      <c r="D3756" s="14"/>
      <c r="E3756" s="14"/>
      <c r="F3756" s="16"/>
      <c r="G3756" s="2"/>
      <c r="H3756" s="2"/>
      <c r="I3756" s="2"/>
      <c r="J3756" s="2"/>
      <c r="K3756" s="2"/>
      <c r="L3756" s="2"/>
    </row>
    <row r="3757" spans="1:12" s="17" customFormat="1" ht="27" customHeight="1" x14ac:dyDescent="0.15">
      <c r="A3757" s="13"/>
      <c r="B3757" s="14"/>
      <c r="C3757" s="13"/>
      <c r="D3757" s="14"/>
      <c r="E3757" s="14"/>
      <c r="F3757" s="16"/>
      <c r="G3757" s="2"/>
      <c r="H3757" s="2"/>
      <c r="I3757" s="2"/>
      <c r="J3757" s="2"/>
      <c r="K3757" s="2"/>
      <c r="L3757" s="2"/>
    </row>
    <row r="3758" spans="1:12" s="17" customFormat="1" ht="27" customHeight="1" x14ac:dyDescent="0.15">
      <c r="A3758" s="13"/>
      <c r="B3758" s="14"/>
      <c r="C3758" s="13"/>
      <c r="D3758" s="14"/>
      <c r="E3758" s="14"/>
      <c r="F3758" s="16"/>
      <c r="G3758" s="2"/>
      <c r="H3758" s="2"/>
      <c r="I3758" s="2"/>
      <c r="J3758" s="2"/>
      <c r="K3758" s="2"/>
      <c r="L3758" s="2"/>
    </row>
    <row r="3759" spans="1:12" s="17" customFormat="1" ht="27" customHeight="1" x14ac:dyDescent="0.15">
      <c r="A3759" s="13"/>
      <c r="B3759" s="14"/>
      <c r="C3759" s="13"/>
      <c r="D3759" s="14"/>
      <c r="E3759" s="14"/>
      <c r="F3759" s="16"/>
      <c r="G3759" s="2"/>
      <c r="H3759" s="2"/>
      <c r="I3759" s="2"/>
      <c r="J3759" s="2"/>
      <c r="K3759" s="2"/>
      <c r="L3759" s="2"/>
    </row>
    <row r="3760" spans="1:12" s="17" customFormat="1" ht="27" customHeight="1" x14ac:dyDescent="0.15">
      <c r="A3760" s="13"/>
      <c r="B3760" s="14"/>
      <c r="C3760" s="13"/>
      <c r="D3760" s="14"/>
      <c r="E3760" s="14"/>
      <c r="F3760" s="16"/>
      <c r="G3760" s="2"/>
      <c r="H3760" s="2"/>
      <c r="I3760" s="2"/>
      <c r="J3760" s="2"/>
      <c r="K3760" s="2"/>
      <c r="L3760" s="2"/>
    </row>
    <row r="3761" spans="1:12" s="17" customFormat="1" ht="27" customHeight="1" x14ac:dyDescent="0.15">
      <c r="A3761" s="13"/>
      <c r="B3761" s="14"/>
      <c r="C3761" s="13"/>
      <c r="D3761" s="14"/>
      <c r="E3761" s="14"/>
      <c r="F3761" s="16"/>
      <c r="G3761" s="2"/>
      <c r="H3761" s="2"/>
      <c r="I3761" s="2"/>
      <c r="J3761" s="2"/>
      <c r="K3761" s="2"/>
      <c r="L3761" s="2"/>
    </row>
    <row r="3762" spans="1:12" s="17" customFormat="1" ht="27" customHeight="1" x14ac:dyDescent="0.15">
      <c r="A3762" s="13"/>
      <c r="B3762" s="14"/>
      <c r="C3762" s="13"/>
      <c r="D3762" s="14"/>
      <c r="E3762" s="14"/>
      <c r="F3762" s="16"/>
      <c r="G3762" s="2"/>
      <c r="H3762" s="2"/>
      <c r="I3762" s="2"/>
      <c r="J3762" s="2"/>
      <c r="K3762" s="2"/>
      <c r="L3762" s="2"/>
    </row>
    <row r="3763" spans="1:12" s="17" customFormat="1" ht="27" customHeight="1" x14ac:dyDescent="0.15">
      <c r="A3763" s="13"/>
      <c r="B3763" s="14"/>
      <c r="C3763" s="13"/>
      <c r="D3763" s="14"/>
      <c r="E3763" s="14"/>
      <c r="F3763" s="16"/>
      <c r="G3763" s="2"/>
      <c r="H3763" s="2"/>
      <c r="I3763" s="2"/>
      <c r="J3763" s="2"/>
      <c r="K3763" s="2"/>
      <c r="L3763" s="2"/>
    </row>
    <row r="3764" spans="1:12" s="17" customFormat="1" ht="27" customHeight="1" x14ac:dyDescent="0.15">
      <c r="A3764" s="13"/>
      <c r="B3764" s="14"/>
      <c r="C3764" s="13"/>
      <c r="D3764" s="14"/>
      <c r="E3764" s="14"/>
      <c r="F3764" s="16"/>
      <c r="G3764" s="2"/>
      <c r="H3764" s="2"/>
      <c r="I3764" s="2"/>
      <c r="J3764" s="2"/>
      <c r="K3764" s="2"/>
      <c r="L3764" s="2"/>
    </row>
    <row r="3765" spans="1:12" s="17" customFormat="1" ht="27" customHeight="1" x14ac:dyDescent="0.15">
      <c r="A3765" s="13"/>
      <c r="B3765" s="14"/>
      <c r="C3765" s="13"/>
      <c r="D3765" s="14"/>
      <c r="E3765" s="14"/>
      <c r="F3765" s="16"/>
      <c r="G3765" s="2"/>
      <c r="H3765" s="2"/>
      <c r="I3765" s="2"/>
      <c r="J3765" s="2"/>
      <c r="K3765" s="2"/>
      <c r="L3765" s="2"/>
    </row>
    <row r="3766" spans="1:12" s="17" customFormat="1" ht="27" customHeight="1" x14ac:dyDescent="0.15">
      <c r="A3766" s="13"/>
      <c r="B3766" s="14"/>
      <c r="C3766" s="13"/>
      <c r="D3766" s="14"/>
      <c r="E3766" s="14"/>
      <c r="F3766" s="16"/>
      <c r="G3766" s="2"/>
      <c r="H3766" s="2"/>
      <c r="I3766" s="2"/>
      <c r="J3766" s="2"/>
      <c r="K3766" s="2"/>
      <c r="L3766" s="2"/>
    </row>
    <row r="3767" spans="1:12" s="17" customFormat="1" ht="27" customHeight="1" x14ac:dyDescent="0.15">
      <c r="A3767" s="13"/>
      <c r="B3767" s="14"/>
      <c r="C3767" s="13"/>
      <c r="D3767" s="14"/>
      <c r="E3767" s="14"/>
      <c r="F3767" s="16"/>
      <c r="G3767" s="2"/>
      <c r="H3767" s="2"/>
      <c r="I3767" s="2"/>
      <c r="J3767" s="2"/>
      <c r="K3767" s="2"/>
      <c r="L3767" s="2"/>
    </row>
    <row r="3768" spans="1:12" s="17" customFormat="1" ht="27" customHeight="1" x14ac:dyDescent="0.15">
      <c r="A3768" s="13"/>
      <c r="B3768" s="14"/>
      <c r="C3768" s="13"/>
      <c r="D3768" s="14"/>
      <c r="E3768" s="14"/>
      <c r="F3768" s="16"/>
      <c r="G3768" s="2"/>
      <c r="H3768" s="2"/>
      <c r="I3768" s="2"/>
      <c r="J3768" s="2"/>
      <c r="K3768" s="2"/>
      <c r="L3768" s="2"/>
    </row>
    <row r="3769" spans="1:12" s="17" customFormat="1" ht="27" customHeight="1" x14ac:dyDescent="0.15">
      <c r="A3769" s="13"/>
      <c r="B3769" s="14"/>
      <c r="C3769" s="13"/>
      <c r="D3769" s="14"/>
      <c r="E3769" s="14"/>
      <c r="F3769" s="16"/>
      <c r="G3769" s="2"/>
      <c r="H3769" s="2"/>
      <c r="I3769" s="2"/>
      <c r="J3769" s="2"/>
      <c r="K3769" s="2"/>
      <c r="L3769" s="2"/>
    </row>
    <row r="3770" spans="1:12" s="17" customFormat="1" ht="27" customHeight="1" x14ac:dyDescent="0.15">
      <c r="A3770" s="13"/>
      <c r="B3770" s="14"/>
      <c r="C3770" s="13"/>
      <c r="D3770" s="14"/>
      <c r="E3770" s="14"/>
      <c r="F3770" s="16"/>
      <c r="G3770" s="2"/>
      <c r="H3770" s="2"/>
      <c r="I3770" s="2"/>
      <c r="J3770" s="2"/>
      <c r="K3770" s="2"/>
      <c r="L3770" s="2"/>
    </row>
    <row r="3771" spans="1:12" s="17" customFormat="1" ht="27" customHeight="1" x14ac:dyDescent="0.15">
      <c r="A3771" s="13"/>
      <c r="B3771" s="14"/>
      <c r="C3771" s="13"/>
      <c r="D3771" s="14"/>
      <c r="E3771" s="14"/>
      <c r="F3771" s="16"/>
      <c r="G3771" s="2"/>
      <c r="H3771" s="2"/>
      <c r="I3771" s="2"/>
      <c r="J3771" s="2"/>
      <c r="K3771" s="2"/>
      <c r="L3771" s="2"/>
    </row>
    <row r="3772" spans="1:12" s="17" customFormat="1" ht="27" customHeight="1" x14ac:dyDescent="0.15">
      <c r="A3772" s="13"/>
      <c r="B3772" s="14"/>
      <c r="C3772" s="13"/>
      <c r="D3772" s="14"/>
      <c r="E3772" s="14"/>
      <c r="F3772" s="16"/>
      <c r="G3772" s="2"/>
      <c r="H3772" s="2"/>
      <c r="I3772" s="2"/>
      <c r="J3772" s="2"/>
      <c r="K3772" s="2"/>
      <c r="L3772" s="2"/>
    </row>
    <row r="3773" spans="1:12" s="17" customFormat="1" ht="27" customHeight="1" x14ac:dyDescent="0.15">
      <c r="A3773" s="13"/>
      <c r="B3773" s="14"/>
      <c r="C3773" s="13"/>
      <c r="D3773" s="14"/>
      <c r="E3773" s="14"/>
      <c r="F3773" s="16"/>
      <c r="G3773" s="2"/>
      <c r="H3773" s="2"/>
      <c r="I3773" s="2"/>
      <c r="J3773" s="2"/>
      <c r="K3773" s="2"/>
      <c r="L3773" s="2"/>
    </row>
    <row r="3774" spans="1:12" s="17" customFormat="1" ht="27" customHeight="1" x14ac:dyDescent="0.15">
      <c r="A3774" s="13"/>
      <c r="B3774" s="14"/>
      <c r="C3774" s="13"/>
      <c r="D3774" s="14"/>
      <c r="E3774" s="14"/>
      <c r="F3774" s="16"/>
      <c r="G3774" s="2"/>
      <c r="H3774" s="2"/>
      <c r="I3774" s="2"/>
      <c r="J3774" s="2"/>
      <c r="K3774" s="2"/>
      <c r="L3774" s="2"/>
    </row>
    <row r="3775" spans="1:12" s="17" customFormat="1" ht="27" customHeight="1" x14ac:dyDescent="0.15">
      <c r="A3775" s="13"/>
      <c r="B3775" s="14"/>
      <c r="C3775" s="13"/>
      <c r="D3775" s="14"/>
      <c r="E3775" s="14"/>
      <c r="F3775" s="16"/>
      <c r="G3775" s="2"/>
      <c r="H3775" s="2"/>
      <c r="I3775" s="2"/>
      <c r="J3775" s="2"/>
      <c r="K3775" s="2"/>
      <c r="L3775" s="2"/>
    </row>
    <row r="3776" spans="1:12" s="17" customFormat="1" ht="27" customHeight="1" x14ac:dyDescent="0.15">
      <c r="A3776" s="13"/>
      <c r="B3776" s="14"/>
      <c r="C3776" s="13"/>
      <c r="D3776" s="14"/>
      <c r="E3776" s="14"/>
      <c r="F3776" s="16"/>
      <c r="G3776" s="2"/>
      <c r="H3776" s="2"/>
      <c r="I3776" s="2"/>
      <c r="J3776" s="2"/>
      <c r="K3776" s="2"/>
      <c r="L3776" s="2"/>
    </row>
    <row r="3777" spans="1:12" s="17" customFormat="1" ht="27" customHeight="1" x14ac:dyDescent="0.15">
      <c r="A3777" s="13"/>
      <c r="B3777" s="14"/>
      <c r="C3777" s="13"/>
      <c r="D3777" s="14"/>
      <c r="E3777" s="14"/>
      <c r="F3777" s="16"/>
      <c r="G3777" s="2"/>
      <c r="H3777" s="2"/>
      <c r="I3777" s="2"/>
      <c r="J3777" s="2"/>
      <c r="K3777" s="2"/>
      <c r="L3777" s="2"/>
    </row>
    <row r="3778" spans="1:12" s="17" customFormat="1" ht="27" customHeight="1" x14ac:dyDescent="0.15">
      <c r="A3778" s="13"/>
      <c r="B3778" s="14"/>
      <c r="C3778" s="13"/>
      <c r="D3778" s="14"/>
      <c r="E3778" s="14"/>
      <c r="F3778" s="16"/>
      <c r="G3778" s="2"/>
      <c r="H3778" s="2"/>
      <c r="I3778" s="2"/>
      <c r="J3778" s="2"/>
      <c r="K3778" s="2"/>
      <c r="L3778" s="2"/>
    </row>
    <row r="3779" spans="1:12" s="17" customFormat="1" ht="27" customHeight="1" x14ac:dyDescent="0.15">
      <c r="A3779" s="13"/>
      <c r="B3779" s="14"/>
      <c r="C3779" s="13"/>
      <c r="D3779" s="14"/>
      <c r="E3779" s="14"/>
      <c r="F3779" s="16"/>
      <c r="G3779" s="2"/>
      <c r="H3779" s="2"/>
      <c r="I3779" s="2"/>
      <c r="J3779" s="2"/>
      <c r="K3779" s="2"/>
      <c r="L3779" s="2"/>
    </row>
    <row r="3780" spans="1:12" s="17" customFormat="1" ht="27" customHeight="1" x14ac:dyDescent="0.15">
      <c r="A3780" s="13"/>
      <c r="B3780" s="14"/>
      <c r="C3780" s="13"/>
      <c r="D3780" s="14"/>
      <c r="E3780" s="14"/>
      <c r="F3780" s="16"/>
      <c r="G3780" s="2"/>
      <c r="H3780" s="2"/>
      <c r="I3780" s="2"/>
      <c r="J3780" s="2"/>
      <c r="K3780" s="2"/>
      <c r="L3780" s="2"/>
    </row>
    <row r="3781" spans="1:12" s="17" customFormat="1" ht="27" customHeight="1" x14ac:dyDescent="0.15">
      <c r="A3781" s="13"/>
      <c r="B3781" s="14"/>
      <c r="C3781" s="13"/>
      <c r="D3781" s="14"/>
      <c r="E3781" s="14"/>
      <c r="F3781" s="16"/>
      <c r="G3781" s="2"/>
      <c r="H3781" s="2"/>
      <c r="I3781" s="2"/>
      <c r="J3781" s="2"/>
      <c r="K3781" s="2"/>
      <c r="L3781" s="2"/>
    </row>
    <row r="3782" spans="1:12" s="17" customFormat="1" ht="27" customHeight="1" x14ac:dyDescent="0.15">
      <c r="A3782" s="13"/>
      <c r="B3782" s="14"/>
      <c r="C3782" s="13"/>
      <c r="D3782" s="14"/>
      <c r="E3782" s="14"/>
      <c r="F3782" s="16"/>
      <c r="G3782" s="2"/>
      <c r="H3782" s="2"/>
      <c r="I3782" s="2"/>
      <c r="J3782" s="2"/>
      <c r="K3782" s="2"/>
      <c r="L3782" s="2"/>
    </row>
    <row r="3783" spans="1:12" s="17" customFormat="1" ht="27" customHeight="1" x14ac:dyDescent="0.15">
      <c r="A3783" s="13"/>
      <c r="B3783" s="14"/>
      <c r="C3783" s="13"/>
      <c r="D3783" s="14"/>
      <c r="E3783" s="14"/>
      <c r="F3783" s="16"/>
      <c r="G3783" s="2"/>
      <c r="H3783" s="2"/>
      <c r="I3783" s="2"/>
      <c r="J3783" s="2"/>
      <c r="K3783" s="2"/>
      <c r="L3783" s="2"/>
    </row>
    <row r="3784" spans="1:12" s="17" customFormat="1" ht="27" customHeight="1" x14ac:dyDescent="0.15">
      <c r="A3784" s="13"/>
      <c r="B3784" s="14"/>
      <c r="C3784" s="13"/>
      <c r="D3784" s="14"/>
      <c r="E3784" s="14"/>
      <c r="F3784" s="16"/>
      <c r="G3784" s="2"/>
      <c r="H3784" s="2"/>
      <c r="I3784" s="2"/>
      <c r="J3784" s="2"/>
      <c r="K3784" s="2"/>
      <c r="L3784" s="2"/>
    </row>
    <row r="3785" spans="1:12" s="17" customFormat="1" ht="27" customHeight="1" x14ac:dyDescent="0.15">
      <c r="A3785" s="13"/>
      <c r="B3785" s="14"/>
      <c r="C3785" s="13"/>
      <c r="D3785" s="14"/>
      <c r="E3785" s="14"/>
      <c r="F3785" s="16"/>
      <c r="G3785" s="2"/>
      <c r="H3785" s="2"/>
      <c r="I3785" s="2"/>
      <c r="J3785" s="2"/>
      <c r="K3785" s="2"/>
      <c r="L3785" s="2"/>
    </row>
    <row r="3786" spans="1:12" s="17" customFormat="1" ht="27" customHeight="1" x14ac:dyDescent="0.15">
      <c r="A3786" s="13"/>
      <c r="B3786" s="14"/>
      <c r="C3786" s="13"/>
      <c r="D3786" s="14"/>
      <c r="E3786" s="14"/>
      <c r="F3786" s="16"/>
      <c r="G3786" s="2"/>
      <c r="H3786" s="2"/>
      <c r="I3786" s="2"/>
      <c r="J3786" s="2"/>
      <c r="K3786" s="2"/>
      <c r="L3786" s="2"/>
    </row>
    <row r="3787" spans="1:12" s="17" customFormat="1" ht="27" customHeight="1" x14ac:dyDescent="0.15">
      <c r="A3787" s="13"/>
      <c r="B3787" s="14"/>
      <c r="C3787" s="13"/>
      <c r="D3787" s="14"/>
      <c r="E3787" s="14"/>
      <c r="F3787" s="16"/>
      <c r="G3787" s="2"/>
      <c r="H3787" s="2"/>
      <c r="I3787" s="2"/>
      <c r="J3787" s="2"/>
      <c r="K3787" s="2"/>
      <c r="L3787" s="2"/>
    </row>
    <row r="3788" spans="1:12" s="17" customFormat="1" ht="27" customHeight="1" x14ac:dyDescent="0.15">
      <c r="A3788" s="13"/>
      <c r="B3788" s="14"/>
      <c r="C3788" s="13"/>
      <c r="D3788" s="14"/>
      <c r="E3788" s="14"/>
      <c r="F3788" s="16"/>
      <c r="G3788" s="2"/>
      <c r="H3788" s="2"/>
      <c r="I3788" s="2"/>
      <c r="J3788" s="2"/>
      <c r="K3788" s="2"/>
      <c r="L3788" s="2"/>
    </row>
    <row r="3789" spans="1:12" s="17" customFormat="1" ht="27" customHeight="1" x14ac:dyDescent="0.15">
      <c r="A3789" s="13"/>
      <c r="B3789" s="14"/>
      <c r="C3789" s="13"/>
      <c r="D3789" s="14"/>
      <c r="E3789" s="14"/>
      <c r="F3789" s="16"/>
      <c r="G3789" s="2"/>
      <c r="H3789" s="2"/>
      <c r="I3789" s="2"/>
      <c r="J3789" s="2"/>
      <c r="K3789" s="2"/>
      <c r="L3789" s="2"/>
    </row>
    <row r="3790" spans="1:12" s="17" customFormat="1" ht="27" customHeight="1" x14ac:dyDescent="0.15">
      <c r="A3790" s="13"/>
      <c r="B3790" s="14"/>
      <c r="C3790" s="13"/>
      <c r="D3790" s="14"/>
      <c r="E3790" s="14"/>
      <c r="F3790" s="16"/>
      <c r="G3790" s="2"/>
      <c r="H3790" s="2"/>
      <c r="I3790" s="2"/>
      <c r="J3790" s="2"/>
      <c r="K3790" s="2"/>
      <c r="L3790" s="2"/>
    </row>
    <row r="3791" spans="1:12" s="17" customFormat="1" ht="27" customHeight="1" x14ac:dyDescent="0.15">
      <c r="A3791" s="13"/>
      <c r="B3791" s="14"/>
      <c r="C3791" s="13"/>
      <c r="D3791" s="14"/>
      <c r="E3791" s="14"/>
      <c r="F3791" s="16"/>
      <c r="G3791" s="2"/>
      <c r="H3791" s="2"/>
      <c r="I3791" s="2"/>
      <c r="J3791" s="2"/>
      <c r="K3791" s="2"/>
      <c r="L3791" s="2"/>
    </row>
    <row r="3792" spans="1:12" s="17" customFormat="1" ht="27" customHeight="1" x14ac:dyDescent="0.15">
      <c r="A3792" s="13"/>
      <c r="B3792" s="14"/>
      <c r="C3792" s="13"/>
      <c r="D3792" s="14"/>
      <c r="E3792" s="14"/>
      <c r="F3792" s="16"/>
      <c r="G3792" s="2"/>
      <c r="H3792" s="2"/>
      <c r="I3792" s="2"/>
      <c r="J3792" s="2"/>
      <c r="K3792" s="2"/>
      <c r="L3792" s="2"/>
    </row>
    <row r="3793" spans="1:12" s="17" customFormat="1" ht="27" customHeight="1" x14ac:dyDescent="0.15">
      <c r="A3793" s="13"/>
      <c r="B3793" s="14"/>
      <c r="C3793" s="13"/>
      <c r="D3793" s="14"/>
      <c r="E3793" s="14"/>
      <c r="F3793" s="16"/>
      <c r="G3793" s="2"/>
      <c r="H3793" s="2"/>
      <c r="I3793" s="2"/>
      <c r="J3793" s="2"/>
      <c r="K3793" s="2"/>
      <c r="L3793" s="2"/>
    </row>
    <row r="3794" spans="1:12" s="17" customFormat="1" ht="27" customHeight="1" x14ac:dyDescent="0.15">
      <c r="A3794" s="13"/>
      <c r="B3794" s="14"/>
      <c r="C3794" s="13"/>
      <c r="D3794" s="14"/>
      <c r="E3794" s="14"/>
      <c r="F3794" s="16"/>
      <c r="G3794" s="2"/>
      <c r="H3794" s="2"/>
      <c r="I3794" s="2"/>
      <c r="J3794" s="2"/>
      <c r="K3794" s="2"/>
      <c r="L3794" s="2"/>
    </row>
    <row r="3795" spans="1:12" s="17" customFormat="1" ht="27" customHeight="1" x14ac:dyDescent="0.15">
      <c r="A3795" s="13"/>
      <c r="B3795" s="14"/>
      <c r="C3795" s="13"/>
      <c r="D3795" s="14"/>
      <c r="E3795" s="14"/>
      <c r="F3795" s="16"/>
      <c r="G3795" s="2"/>
      <c r="H3795" s="2"/>
      <c r="I3795" s="2"/>
      <c r="J3795" s="2"/>
      <c r="K3795" s="2"/>
      <c r="L3795" s="2"/>
    </row>
    <row r="3796" spans="1:12" s="17" customFormat="1" ht="27" customHeight="1" x14ac:dyDescent="0.15">
      <c r="A3796" s="13"/>
      <c r="B3796" s="14"/>
      <c r="C3796" s="13"/>
      <c r="D3796" s="14"/>
      <c r="E3796" s="14"/>
      <c r="F3796" s="16"/>
      <c r="G3796" s="2"/>
      <c r="H3796" s="2"/>
      <c r="I3796" s="2"/>
      <c r="J3796" s="2"/>
      <c r="K3796" s="2"/>
      <c r="L3796" s="2"/>
    </row>
    <row r="3797" spans="1:12" s="17" customFormat="1" ht="27" customHeight="1" x14ac:dyDescent="0.15">
      <c r="A3797" s="13"/>
      <c r="B3797" s="14"/>
      <c r="C3797" s="13"/>
      <c r="D3797" s="14"/>
      <c r="E3797" s="14"/>
      <c r="F3797" s="16"/>
      <c r="G3797" s="2"/>
      <c r="H3797" s="2"/>
      <c r="I3797" s="2"/>
      <c r="J3797" s="2"/>
      <c r="K3797" s="2"/>
      <c r="L3797" s="2"/>
    </row>
    <row r="3798" spans="1:12" s="17" customFormat="1" ht="27" customHeight="1" x14ac:dyDescent="0.15">
      <c r="A3798" s="13"/>
      <c r="B3798" s="14"/>
      <c r="C3798" s="13"/>
      <c r="D3798" s="14"/>
      <c r="E3798" s="14"/>
      <c r="F3798" s="16"/>
      <c r="G3798" s="2"/>
      <c r="H3798" s="2"/>
      <c r="I3798" s="2"/>
      <c r="J3798" s="2"/>
      <c r="K3798" s="2"/>
      <c r="L3798" s="2"/>
    </row>
    <row r="3799" spans="1:12" s="17" customFormat="1" ht="27" customHeight="1" x14ac:dyDescent="0.15">
      <c r="A3799" s="13"/>
      <c r="B3799" s="14"/>
      <c r="C3799" s="13"/>
      <c r="D3799" s="14"/>
      <c r="E3799" s="14"/>
      <c r="F3799" s="16"/>
      <c r="G3799" s="2"/>
      <c r="H3799" s="2"/>
      <c r="I3799" s="2"/>
      <c r="J3799" s="2"/>
      <c r="K3799" s="2"/>
      <c r="L3799" s="2"/>
    </row>
    <row r="3800" spans="1:12" s="17" customFormat="1" ht="27" customHeight="1" x14ac:dyDescent="0.15">
      <c r="A3800" s="13"/>
      <c r="B3800" s="14"/>
      <c r="C3800" s="13"/>
      <c r="D3800" s="14"/>
      <c r="E3800" s="14"/>
      <c r="F3800" s="16"/>
      <c r="G3800" s="2"/>
      <c r="H3800" s="2"/>
      <c r="I3800" s="2"/>
      <c r="J3800" s="2"/>
      <c r="K3800" s="2"/>
      <c r="L3800" s="2"/>
    </row>
    <row r="3801" spans="1:12" s="17" customFormat="1" ht="27" customHeight="1" x14ac:dyDescent="0.15">
      <c r="A3801" s="13"/>
      <c r="B3801" s="14"/>
      <c r="C3801" s="13"/>
      <c r="D3801" s="14"/>
      <c r="E3801" s="14"/>
      <c r="F3801" s="16"/>
      <c r="G3801" s="2"/>
      <c r="H3801" s="2"/>
      <c r="I3801" s="2"/>
      <c r="J3801" s="2"/>
      <c r="K3801" s="2"/>
      <c r="L3801" s="2"/>
    </row>
    <row r="3802" spans="1:12" s="17" customFormat="1" ht="27" customHeight="1" x14ac:dyDescent="0.15">
      <c r="A3802" s="13"/>
      <c r="B3802" s="14"/>
      <c r="C3802" s="13"/>
      <c r="D3802" s="14"/>
      <c r="E3802" s="14"/>
      <c r="F3802" s="16"/>
      <c r="G3802" s="2"/>
      <c r="H3802" s="2"/>
      <c r="I3802" s="2"/>
      <c r="J3802" s="2"/>
      <c r="K3802" s="2"/>
      <c r="L3802" s="2"/>
    </row>
    <row r="3803" spans="1:12" s="17" customFormat="1" ht="27" customHeight="1" x14ac:dyDescent="0.15">
      <c r="A3803" s="13"/>
      <c r="B3803" s="14"/>
      <c r="C3803" s="13"/>
      <c r="D3803" s="14"/>
      <c r="E3803" s="14"/>
      <c r="F3803" s="16"/>
      <c r="G3803" s="2"/>
      <c r="H3803" s="2"/>
      <c r="I3803" s="2"/>
      <c r="J3803" s="2"/>
      <c r="K3803" s="2"/>
      <c r="L3803" s="2"/>
    </row>
    <row r="3804" spans="1:12" s="17" customFormat="1" ht="27" customHeight="1" x14ac:dyDescent="0.15">
      <c r="A3804" s="13"/>
      <c r="B3804" s="14"/>
      <c r="C3804" s="13"/>
      <c r="D3804" s="14"/>
      <c r="E3804" s="14"/>
      <c r="F3804" s="16"/>
      <c r="G3804" s="2"/>
      <c r="H3804" s="2"/>
      <c r="I3804" s="2"/>
      <c r="J3804" s="2"/>
      <c r="K3804" s="2"/>
      <c r="L3804" s="2"/>
    </row>
    <row r="3805" spans="1:12" s="17" customFormat="1" ht="27" customHeight="1" x14ac:dyDescent="0.15">
      <c r="A3805" s="13"/>
      <c r="B3805" s="14"/>
      <c r="C3805" s="13"/>
      <c r="D3805" s="14"/>
      <c r="E3805" s="14"/>
      <c r="F3805" s="16"/>
      <c r="G3805" s="2"/>
      <c r="H3805" s="2"/>
      <c r="I3805" s="2"/>
      <c r="J3805" s="2"/>
      <c r="K3805" s="2"/>
      <c r="L3805" s="2"/>
    </row>
    <row r="3806" spans="1:12" s="17" customFormat="1" ht="27" customHeight="1" x14ac:dyDescent="0.15">
      <c r="A3806" s="13"/>
      <c r="B3806" s="14"/>
      <c r="C3806" s="13"/>
      <c r="D3806" s="14"/>
      <c r="E3806" s="14"/>
      <c r="F3806" s="16"/>
      <c r="G3806" s="2"/>
      <c r="H3806" s="2"/>
      <c r="I3806" s="2"/>
      <c r="J3806" s="2"/>
      <c r="K3806" s="2"/>
      <c r="L3806" s="2"/>
    </row>
    <row r="3807" spans="1:12" s="17" customFormat="1" ht="27" customHeight="1" x14ac:dyDescent="0.15">
      <c r="A3807" s="13"/>
      <c r="B3807" s="14"/>
      <c r="C3807" s="13"/>
      <c r="D3807" s="14"/>
      <c r="E3807" s="14"/>
      <c r="F3807" s="16"/>
      <c r="G3807" s="2"/>
      <c r="H3807" s="2"/>
      <c r="I3807" s="2"/>
      <c r="J3807" s="2"/>
      <c r="K3807" s="2"/>
      <c r="L3807" s="2"/>
    </row>
    <row r="3808" spans="1:12" s="17" customFormat="1" ht="27" customHeight="1" x14ac:dyDescent="0.15">
      <c r="A3808" s="13"/>
      <c r="B3808" s="14"/>
      <c r="C3808" s="13"/>
      <c r="D3808" s="14"/>
      <c r="E3808" s="14"/>
      <c r="F3808" s="16"/>
      <c r="G3808" s="2"/>
      <c r="H3808" s="2"/>
      <c r="I3808" s="2"/>
      <c r="J3808" s="2"/>
      <c r="K3808" s="2"/>
      <c r="L3808" s="2"/>
    </row>
    <row r="3809" spans="1:12" s="17" customFormat="1" ht="27" customHeight="1" x14ac:dyDescent="0.15">
      <c r="A3809" s="13"/>
      <c r="B3809" s="14"/>
      <c r="C3809" s="13"/>
      <c r="D3809" s="14"/>
      <c r="E3809" s="14"/>
      <c r="F3809" s="16"/>
      <c r="G3809" s="2"/>
      <c r="H3809" s="2"/>
      <c r="I3809" s="2"/>
      <c r="J3809" s="2"/>
      <c r="K3809" s="2"/>
      <c r="L3809" s="2"/>
    </row>
    <row r="3810" spans="1:12" s="17" customFormat="1" ht="27" customHeight="1" x14ac:dyDescent="0.15">
      <c r="A3810" s="13"/>
      <c r="B3810" s="14"/>
      <c r="C3810" s="13"/>
      <c r="D3810" s="14"/>
      <c r="E3810" s="14"/>
      <c r="F3810" s="16"/>
      <c r="G3810" s="2"/>
      <c r="H3810" s="2"/>
      <c r="I3810" s="2"/>
      <c r="J3810" s="2"/>
      <c r="K3810" s="2"/>
      <c r="L3810" s="2"/>
    </row>
    <row r="3811" spans="1:12" s="17" customFormat="1" ht="27" customHeight="1" x14ac:dyDescent="0.15">
      <c r="A3811" s="13"/>
      <c r="B3811" s="14"/>
      <c r="C3811" s="13"/>
      <c r="D3811" s="14"/>
      <c r="E3811" s="14"/>
      <c r="F3811" s="16"/>
      <c r="G3811" s="2"/>
      <c r="H3811" s="2"/>
      <c r="I3811" s="2"/>
      <c r="J3811" s="2"/>
      <c r="K3811" s="2"/>
      <c r="L3811" s="2"/>
    </row>
    <row r="3812" spans="1:12" s="17" customFormat="1" ht="27" customHeight="1" x14ac:dyDescent="0.15">
      <c r="A3812" s="13"/>
      <c r="B3812" s="14"/>
      <c r="C3812" s="13"/>
      <c r="D3812" s="14"/>
      <c r="E3812" s="14"/>
      <c r="F3812" s="16"/>
      <c r="G3812" s="2"/>
      <c r="H3812" s="2"/>
      <c r="I3812" s="2"/>
      <c r="J3812" s="2"/>
      <c r="K3812" s="2"/>
      <c r="L3812" s="2"/>
    </row>
    <row r="3813" spans="1:12" s="17" customFormat="1" ht="27" customHeight="1" x14ac:dyDescent="0.15">
      <c r="A3813" s="13"/>
      <c r="B3813" s="14"/>
      <c r="C3813" s="13"/>
      <c r="D3813" s="14"/>
      <c r="E3813" s="14"/>
      <c r="F3813" s="16"/>
      <c r="G3813" s="2"/>
      <c r="H3813" s="2"/>
      <c r="I3813" s="2"/>
      <c r="J3813" s="2"/>
      <c r="K3813" s="2"/>
      <c r="L3813" s="2"/>
    </row>
    <row r="3814" spans="1:12" s="17" customFormat="1" ht="27" customHeight="1" x14ac:dyDescent="0.15">
      <c r="A3814" s="13"/>
      <c r="B3814" s="14"/>
      <c r="C3814" s="13"/>
      <c r="D3814" s="14"/>
      <c r="E3814" s="14"/>
      <c r="F3814" s="16"/>
      <c r="G3814" s="2"/>
      <c r="H3814" s="2"/>
      <c r="I3814" s="2"/>
      <c r="J3814" s="2"/>
      <c r="K3814" s="2"/>
      <c r="L3814" s="2"/>
    </row>
    <row r="3815" spans="1:12" s="17" customFormat="1" ht="27" customHeight="1" x14ac:dyDescent="0.15">
      <c r="A3815" s="13"/>
      <c r="B3815" s="14"/>
      <c r="C3815" s="13"/>
      <c r="D3815" s="14"/>
      <c r="E3815" s="14"/>
      <c r="F3815" s="16"/>
      <c r="G3815" s="2"/>
      <c r="H3815" s="2"/>
      <c r="I3815" s="2"/>
      <c r="J3815" s="2"/>
      <c r="K3815" s="2"/>
      <c r="L3815" s="2"/>
    </row>
    <row r="3816" spans="1:12" s="17" customFormat="1" ht="27" customHeight="1" x14ac:dyDescent="0.15">
      <c r="A3816" s="13"/>
      <c r="B3816" s="14"/>
      <c r="C3816" s="13"/>
      <c r="D3816" s="14"/>
      <c r="E3816" s="14"/>
      <c r="F3816" s="16"/>
      <c r="G3816" s="2"/>
      <c r="H3816" s="2"/>
      <c r="I3816" s="2"/>
      <c r="J3816" s="2"/>
      <c r="K3816" s="2"/>
      <c r="L3816" s="2"/>
    </row>
    <row r="3817" spans="1:12" s="17" customFormat="1" ht="27" customHeight="1" x14ac:dyDescent="0.15">
      <c r="A3817" s="13"/>
      <c r="B3817" s="14"/>
      <c r="C3817" s="13"/>
      <c r="D3817" s="14"/>
      <c r="E3817" s="14"/>
      <c r="F3817" s="16"/>
      <c r="G3817" s="2"/>
      <c r="H3817" s="2"/>
      <c r="I3817" s="2"/>
      <c r="J3817" s="2"/>
      <c r="K3817" s="2"/>
      <c r="L3817" s="2"/>
    </row>
    <row r="3818" spans="1:12" s="17" customFormat="1" ht="27" customHeight="1" x14ac:dyDescent="0.15">
      <c r="A3818" s="13"/>
      <c r="B3818" s="14"/>
      <c r="C3818" s="13"/>
      <c r="D3818" s="14"/>
      <c r="E3818" s="14"/>
      <c r="F3818" s="16"/>
      <c r="G3818" s="2"/>
      <c r="H3818" s="2"/>
      <c r="I3818" s="2"/>
      <c r="J3818" s="2"/>
      <c r="K3818" s="2"/>
      <c r="L3818" s="2"/>
    </row>
    <row r="3819" spans="1:12" s="17" customFormat="1" ht="27" customHeight="1" x14ac:dyDescent="0.15">
      <c r="A3819" s="13"/>
      <c r="B3819" s="14"/>
      <c r="C3819" s="13"/>
      <c r="D3819" s="14"/>
      <c r="E3819" s="14"/>
      <c r="F3819" s="16"/>
      <c r="G3819" s="2"/>
      <c r="H3819" s="2"/>
      <c r="I3819" s="2"/>
      <c r="J3819" s="2"/>
      <c r="K3819" s="2"/>
      <c r="L3819" s="2"/>
    </row>
    <row r="3820" spans="1:12" s="17" customFormat="1" ht="27" customHeight="1" x14ac:dyDescent="0.15">
      <c r="A3820" s="13"/>
      <c r="B3820" s="14"/>
      <c r="C3820" s="13"/>
      <c r="D3820" s="14"/>
      <c r="E3820" s="14"/>
      <c r="F3820" s="16"/>
      <c r="G3820" s="2"/>
      <c r="H3820" s="2"/>
      <c r="I3820" s="2"/>
      <c r="J3820" s="2"/>
      <c r="K3820" s="2"/>
      <c r="L3820" s="2"/>
    </row>
    <row r="3821" spans="1:12" s="17" customFormat="1" ht="27" customHeight="1" x14ac:dyDescent="0.15">
      <c r="A3821" s="13"/>
      <c r="B3821" s="14"/>
      <c r="C3821" s="13"/>
      <c r="D3821" s="14"/>
      <c r="E3821" s="14"/>
      <c r="F3821" s="16"/>
      <c r="G3821" s="2"/>
      <c r="H3821" s="2"/>
      <c r="I3821" s="2"/>
      <c r="J3821" s="2"/>
      <c r="K3821" s="2"/>
      <c r="L3821" s="2"/>
    </row>
    <row r="3822" spans="1:12" s="17" customFormat="1" ht="27" customHeight="1" x14ac:dyDescent="0.15">
      <c r="A3822" s="13"/>
      <c r="B3822" s="14"/>
      <c r="C3822" s="13"/>
      <c r="D3822" s="14"/>
      <c r="E3822" s="14"/>
      <c r="F3822" s="16"/>
      <c r="G3822" s="2"/>
      <c r="H3822" s="2"/>
      <c r="I3822" s="2"/>
      <c r="J3822" s="2"/>
      <c r="K3822" s="2"/>
      <c r="L3822" s="2"/>
    </row>
    <row r="3823" spans="1:12" s="17" customFormat="1" ht="27" customHeight="1" x14ac:dyDescent="0.15">
      <c r="A3823" s="13"/>
      <c r="B3823" s="14"/>
      <c r="C3823" s="13"/>
      <c r="D3823" s="14"/>
      <c r="E3823" s="14"/>
      <c r="F3823" s="16"/>
      <c r="G3823" s="2"/>
      <c r="H3823" s="2"/>
      <c r="I3823" s="2"/>
      <c r="J3823" s="2"/>
      <c r="K3823" s="2"/>
      <c r="L3823" s="2"/>
    </row>
    <row r="3824" spans="1:12" s="17" customFormat="1" ht="27" customHeight="1" x14ac:dyDescent="0.15">
      <c r="A3824" s="13"/>
      <c r="B3824" s="14"/>
      <c r="C3824" s="13"/>
      <c r="D3824" s="14"/>
      <c r="E3824" s="14"/>
      <c r="F3824" s="16"/>
      <c r="G3824" s="2"/>
      <c r="H3824" s="2"/>
      <c r="I3824" s="2"/>
      <c r="J3824" s="2"/>
      <c r="K3824" s="2"/>
      <c r="L3824" s="2"/>
    </row>
    <row r="3825" spans="1:12" s="17" customFormat="1" ht="27" customHeight="1" x14ac:dyDescent="0.15">
      <c r="A3825" s="13"/>
      <c r="B3825" s="14"/>
      <c r="C3825" s="13"/>
      <c r="D3825" s="14"/>
      <c r="E3825" s="14"/>
      <c r="F3825" s="16"/>
      <c r="G3825" s="2"/>
      <c r="H3825" s="2"/>
      <c r="I3825" s="2"/>
      <c r="J3825" s="2"/>
      <c r="K3825" s="2"/>
      <c r="L3825" s="2"/>
    </row>
    <row r="3826" spans="1:12" s="17" customFormat="1" ht="27" customHeight="1" x14ac:dyDescent="0.15">
      <c r="A3826" s="13"/>
      <c r="B3826" s="14"/>
      <c r="C3826" s="13"/>
      <c r="D3826" s="14"/>
      <c r="E3826" s="14"/>
      <c r="F3826" s="16"/>
      <c r="G3826" s="2"/>
      <c r="H3826" s="2"/>
      <c r="I3826" s="2"/>
      <c r="J3826" s="2"/>
      <c r="K3826" s="2"/>
      <c r="L3826" s="2"/>
    </row>
    <row r="3827" spans="1:12" s="17" customFormat="1" ht="27" customHeight="1" x14ac:dyDescent="0.15">
      <c r="A3827" s="13"/>
      <c r="B3827" s="14"/>
      <c r="C3827" s="13"/>
      <c r="D3827" s="14"/>
      <c r="E3827" s="14"/>
      <c r="F3827" s="16"/>
      <c r="G3827" s="2"/>
      <c r="H3827" s="2"/>
      <c r="I3827" s="2"/>
      <c r="J3827" s="2"/>
      <c r="K3827" s="2"/>
      <c r="L3827" s="2"/>
    </row>
    <row r="3828" spans="1:12" s="17" customFormat="1" ht="27" customHeight="1" x14ac:dyDescent="0.15">
      <c r="A3828" s="13"/>
      <c r="B3828" s="14"/>
      <c r="C3828" s="13"/>
      <c r="D3828" s="14"/>
      <c r="E3828" s="14"/>
      <c r="F3828" s="16"/>
      <c r="G3828" s="2"/>
      <c r="H3828" s="2"/>
      <c r="I3828" s="2"/>
      <c r="J3828" s="2"/>
      <c r="K3828" s="2"/>
      <c r="L3828" s="2"/>
    </row>
    <row r="3829" spans="1:12" s="17" customFormat="1" ht="27" customHeight="1" x14ac:dyDescent="0.15">
      <c r="A3829" s="13"/>
      <c r="B3829" s="14"/>
      <c r="C3829" s="13"/>
      <c r="D3829" s="14"/>
      <c r="E3829" s="14"/>
      <c r="F3829" s="16"/>
      <c r="G3829" s="2"/>
      <c r="H3829" s="2"/>
      <c r="I3829" s="2"/>
      <c r="J3829" s="2"/>
      <c r="K3829" s="2"/>
      <c r="L3829" s="2"/>
    </row>
    <row r="3830" spans="1:12" s="17" customFormat="1" ht="27" customHeight="1" x14ac:dyDescent="0.15">
      <c r="A3830" s="13"/>
      <c r="B3830" s="14"/>
      <c r="C3830" s="13"/>
      <c r="D3830" s="14"/>
      <c r="E3830" s="14"/>
      <c r="F3830" s="16"/>
      <c r="G3830" s="2"/>
      <c r="H3830" s="2"/>
      <c r="I3830" s="2"/>
      <c r="J3830" s="2"/>
      <c r="K3830" s="2"/>
      <c r="L3830" s="2"/>
    </row>
    <row r="3831" spans="1:12" s="17" customFormat="1" ht="27" customHeight="1" x14ac:dyDescent="0.15">
      <c r="A3831" s="13"/>
      <c r="B3831" s="14"/>
      <c r="C3831" s="13"/>
      <c r="D3831" s="14"/>
      <c r="E3831" s="14"/>
      <c r="F3831" s="16"/>
      <c r="G3831" s="2"/>
      <c r="H3831" s="2"/>
      <c r="I3831" s="2"/>
      <c r="J3831" s="2"/>
      <c r="K3831" s="2"/>
      <c r="L3831" s="2"/>
    </row>
    <row r="3832" spans="1:12" s="17" customFormat="1" ht="27" customHeight="1" x14ac:dyDescent="0.15">
      <c r="A3832" s="13"/>
      <c r="B3832" s="14"/>
      <c r="C3832" s="13"/>
      <c r="D3832" s="14"/>
      <c r="E3832" s="14"/>
      <c r="F3832" s="16"/>
      <c r="G3832" s="2"/>
      <c r="H3832" s="2"/>
      <c r="I3832" s="2"/>
      <c r="J3832" s="2"/>
      <c r="K3832" s="2"/>
      <c r="L3832" s="2"/>
    </row>
    <row r="3833" spans="1:12" s="17" customFormat="1" ht="27" customHeight="1" x14ac:dyDescent="0.15">
      <c r="A3833" s="13"/>
      <c r="B3833" s="14"/>
      <c r="C3833" s="13"/>
      <c r="D3833" s="14"/>
      <c r="E3833" s="14"/>
      <c r="F3833" s="16"/>
      <c r="G3833" s="2"/>
      <c r="H3833" s="2"/>
      <c r="I3833" s="2"/>
      <c r="J3833" s="2"/>
      <c r="K3833" s="2"/>
      <c r="L3833" s="2"/>
    </row>
    <row r="3834" spans="1:12" s="17" customFormat="1" ht="27" customHeight="1" x14ac:dyDescent="0.15">
      <c r="A3834" s="13"/>
      <c r="B3834" s="14"/>
      <c r="C3834" s="13"/>
      <c r="D3834" s="14"/>
      <c r="E3834" s="14"/>
      <c r="F3834" s="16"/>
      <c r="G3834" s="2"/>
      <c r="H3834" s="2"/>
      <c r="I3834" s="2"/>
      <c r="J3834" s="2"/>
      <c r="K3834" s="2"/>
      <c r="L3834" s="2"/>
    </row>
    <row r="3835" spans="1:12" s="17" customFormat="1" ht="27" customHeight="1" x14ac:dyDescent="0.15">
      <c r="A3835" s="13"/>
      <c r="B3835" s="14"/>
      <c r="C3835" s="13"/>
      <c r="D3835" s="14"/>
      <c r="E3835" s="14"/>
      <c r="F3835" s="16"/>
      <c r="G3835" s="2"/>
      <c r="H3835" s="2"/>
      <c r="I3835" s="2"/>
      <c r="J3835" s="2"/>
      <c r="K3835" s="2"/>
      <c r="L3835" s="2"/>
    </row>
    <row r="3836" spans="1:12" s="17" customFormat="1" ht="27" customHeight="1" x14ac:dyDescent="0.15">
      <c r="A3836" s="13"/>
      <c r="B3836" s="14"/>
      <c r="C3836" s="13"/>
      <c r="D3836" s="14"/>
      <c r="E3836" s="14"/>
      <c r="F3836" s="16"/>
      <c r="G3836" s="2"/>
      <c r="H3836" s="2"/>
      <c r="I3836" s="2"/>
      <c r="J3836" s="2"/>
      <c r="K3836" s="2"/>
      <c r="L3836" s="2"/>
    </row>
    <row r="3837" spans="1:12" s="17" customFormat="1" ht="27" customHeight="1" x14ac:dyDescent="0.15">
      <c r="A3837" s="13"/>
      <c r="B3837" s="14"/>
      <c r="C3837" s="13"/>
      <c r="D3837" s="14"/>
      <c r="E3837" s="14"/>
      <c r="F3837" s="16"/>
      <c r="G3837" s="2"/>
      <c r="H3837" s="2"/>
      <c r="I3837" s="2"/>
      <c r="J3837" s="2"/>
      <c r="K3837" s="2"/>
      <c r="L3837" s="2"/>
    </row>
    <row r="3838" spans="1:12" s="17" customFormat="1" ht="27" customHeight="1" x14ac:dyDescent="0.15">
      <c r="A3838" s="13"/>
      <c r="B3838" s="14"/>
      <c r="C3838" s="13"/>
      <c r="D3838" s="14"/>
      <c r="E3838" s="14"/>
      <c r="F3838" s="16"/>
      <c r="G3838" s="2"/>
      <c r="H3838" s="2"/>
      <c r="I3838" s="2"/>
      <c r="J3838" s="2"/>
      <c r="K3838" s="2"/>
      <c r="L3838" s="2"/>
    </row>
    <row r="3839" spans="1:12" s="17" customFormat="1" ht="27" customHeight="1" x14ac:dyDescent="0.15">
      <c r="A3839" s="13"/>
      <c r="B3839" s="14"/>
      <c r="C3839" s="13"/>
      <c r="D3839" s="14"/>
      <c r="E3839" s="14"/>
      <c r="F3839" s="16"/>
      <c r="G3839" s="2"/>
      <c r="H3839" s="2"/>
      <c r="I3839" s="2"/>
      <c r="J3839" s="2"/>
      <c r="K3839" s="2"/>
      <c r="L3839" s="2"/>
    </row>
    <row r="3840" spans="1:12" s="17" customFormat="1" ht="27" customHeight="1" x14ac:dyDescent="0.15">
      <c r="A3840" s="13"/>
      <c r="B3840" s="14"/>
      <c r="C3840" s="13"/>
      <c r="D3840" s="14"/>
      <c r="E3840" s="14"/>
      <c r="F3840" s="16"/>
      <c r="G3840" s="2"/>
      <c r="H3840" s="2"/>
      <c r="I3840" s="2"/>
      <c r="J3840" s="2"/>
      <c r="K3840" s="2"/>
      <c r="L3840" s="2"/>
    </row>
    <row r="3841" spans="1:12" s="17" customFormat="1" ht="27" customHeight="1" x14ac:dyDescent="0.15">
      <c r="A3841" s="13"/>
      <c r="B3841" s="14"/>
      <c r="C3841" s="13"/>
      <c r="D3841" s="14"/>
      <c r="E3841" s="14"/>
      <c r="F3841" s="16"/>
      <c r="G3841" s="2"/>
      <c r="H3841" s="2"/>
      <c r="I3841" s="2"/>
      <c r="J3841" s="2"/>
      <c r="K3841" s="2"/>
      <c r="L3841" s="2"/>
    </row>
    <row r="3842" spans="1:12" s="17" customFormat="1" ht="27" customHeight="1" x14ac:dyDescent="0.15">
      <c r="A3842" s="13"/>
      <c r="B3842" s="14"/>
      <c r="C3842" s="13"/>
      <c r="D3842" s="14"/>
      <c r="E3842" s="14"/>
      <c r="F3842" s="16"/>
      <c r="G3842" s="2"/>
      <c r="H3842" s="2"/>
      <c r="I3842" s="2"/>
      <c r="J3842" s="2"/>
      <c r="K3842" s="2"/>
      <c r="L3842" s="2"/>
    </row>
    <row r="3843" spans="1:12" s="17" customFormat="1" ht="27" customHeight="1" x14ac:dyDescent="0.15">
      <c r="A3843" s="13"/>
      <c r="B3843" s="14"/>
      <c r="C3843" s="13"/>
      <c r="D3843" s="14"/>
      <c r="E3843" s="14"/>
      <c r="F3843" s="16"/>
      <c r="G3843" s="2"/>
      <c r="H3843" s="2"/>
      <c r="I3843" s="2"/>
      <c r="J3843" s="2"/>
      <c r="K3843" s="2"/>
      <c r="L3843" s="2"/>
    </row>
    <row r="3844" spans="1:12" s="17" customFormat="1" ht="27" customHeight="1" x14ac:dyDescent="0.15">
      <c r="A3844" s="13"/>
      <c r="B3844" s="14"/>
      <c r="C3844" s="13"/>
      <c r="D3844" s="14"/>
      <c r="E3844" s="14"/>
      <c r="F3844" s="16"/>
      <c r="G3844" s="2"/>
      <c r="H3844" s="2"/>
      <c r="I3844" s="2"/>
      <c r="J3844" s="2"/>
      <c r="K3844" s="2"/>
      <c r="L3844" s="2"/>
    </row>
    <row r="3845" spans="1:12" s="17" customFormat="1" ht="27" customHeight="1" x14ac:dyDescent="0.15">
      <c r="A3845" s="13"/>
      <c r="B3845" s="14"/>
      <c r="C3845" s="13"/>
      <c r="D3845" s="14"/>
      <c r="E3845" s="14"/>
      <c r="F3845" s="16"/>
      <c r="G3845" s="2"/>
      <c r="H3845" s="2"/>
      <c r="I3845" s="2"/>
      <c r="J3845" s="2"/>
      <c r="K3845" s="2"/>
      <c r="L3845" s="2"/>
    </row>
    <row r="3846" spans="1:12" s="17" customFormat="1" ht="27" customHeight="1" x14ac:dyDescent="0.15">
      <c r="A3846" s="13"/>
      <c r="B3846" s="14"/>
      <c r="C3846" s="13"/>
      <c r="D3846" s="14"/>
      <c r="E3846" s="14"/>
      <c r="F3846" s="16"/>
      <c r="G3846" s="2"/>
      <c r="H3846" s="2"/>
      <c r="I3846" s="2"/>
      <c r="J3846" s="2"/>
      <c r="K3846" s="2"/>
      <c r="L3846" s="2"/>
    </row>
    <row r="3847" spans="1:12" s="17" customFormat="1" ht="27" customHeight="1" x14ac:dyDescent="0.15">
      <c r="A3847" s="13"/>
      <c r="B3847" s="14"/>
      <c r="C3847" s="13"/>
      <c r="D3847" s="14"/>
      <c r="E3847" s="14"/>
      <c r="F3847" s="16"/>
      <c r="G3847" s="2"/>
      <c r="H3847" s="2"/>
      <c r="I3847" s="2"/>
      <c r="J3847" s="2"/>
      <c r="K3847" s="2"/>
      <c r="L3847" s="2"/>
    </row>
    <row r="3848" spans="1:12" s="17" customFormat="1" ht="27" customHeight="1" x14ac:dyDescent="0.15">
      <c r="A3848" s="13"/>
      <c r="B3848" s="14"/>
      <c r="C3848" s="13"/>
      <c r="D3848" s="14"/>
      <c r="E3848" s="14"/>
      <c r="F3848" s="16"/>
      <c r="G3848" s="2"/>
      <c r="H3848" s="2"/>
      <c r="I3848" s="2"/>
      <c r="J3848" s="2"/>
      <c r="K3848" s="2"/>
      <c r="L3848" s="2"/>
    </row>
    <row r="3849" spans="1:12" s="17" customFormat="1" ht="27" customHeight="1" x14ac:dyDescent="0.15">
      <c r="A3849" s="13"/>
      <c r="B3849" s="14"/>
      <c r="C3849" s="13"/>
      <c r="D3849" s="14"/>
      <c r="E3849" s="14"/>
      <c r="F3849" s="16"/>
      <c r="G3849" s="2"/>
      <c r="H3849" s="2"/>
      <c r="I3849" s="2"/>
      <c r="J3849" s="2"/>
      <c r="K3849" s="2"/>
      <c r="L3849" s="2"/>
    </row>
    <row r="3850" spans="1:12" s="17" customFormat="1" ht="27" customHeight="1" x14ac:dyDescent="0.15">
      <c r="A3850" s="13"/>
      <c r="B3850" s="14"/>
      <c r="C3850" s="13"/>
      <c r="D3850" s="14"/>
      <c r="E3850" s="14"/>
      <c r="F3850" s="16"/>
      <c r="G3850" s="2"/>
      <c r="H3850" s="2"/>
      <c r="I3850" s="2"/>
      <c r="J3850" s="2"/>
      <c r="K3850" s="2"/>
      <c r="L3850" s="2"/>
    </row>
    <row r="3851" spans="1:12" s="17" customFormat="1" ht="27" customHeight="1" x14ac:dyDescent="0.15">
      <c r="A3851" s="13"/>
      <c r="B3851" s="14"/>
      <c r="C3851" s="13"/>
      <c r="D3851" s="14"/>
      <c r="E3851" s="14"/>
      <c r="F3851" s="16"/>
      <c r="G3851" s="2"/>
      <c r="H3851" s="2"/>
      <c r="I3851" s="2"/>
      <c r="J3851" s="2"/>
      <c r="K3851" s="2"/>
      <c r="L3851" s="2"/>
    </row>
    <row r="3852" spans="1:12" s="17" customFormat="1" ht="27" customHeight="1" x14ac:dyDescent="0.15">
      <c r="A3852" s="13"/>
      <c r="B3852" s="14"/>
      <c r="C3852" s="13"/>
      <c r="D3852" s="14"/>
      <c r="E3852" s="14"/>
      <c r="F3852" s="16"/>
      <c r="G3852" s="2"/>
      <c r="H3852" s="2"/>
      <c r="I3852" s="2"/>
      <c r="J3852" s="2"/>
      <c r="K3852" s="2"/>
      <c r="L3852" s="2"/>
    </row>
    <row r="3853" spans="1:12" s="17" customFormat="1" ht="27" customHeight="1" x14ac:dyDescent="0.15">
      <c r="A3853" s="13"/>
      <c r="B3853" s="14"/>
      <c r="C3853" s="13"/>
      <c r="D3853" s="14"/>
      <c r="E3853" s="14"/>
      <c r="F3853" s="16"/>
      <c r="G3853" s="2"/>
      <c r="H3853" s="2"/>
      <c r="I3853" s="2"/>
      <c r="J3853" s="2"/>
      <c r="K3853" s="2"/>
      <c r="L3853" s="2"/>
    </row>
    <row r="3854" spans="1:12" s="17" customFormat="1" ht="27" customHeight="1" x14ac:dyDescent="0.15">
      <c r="A3854" s="13"/>
      <c r="B3854" s="14"/>
      <c r="C3854" s="13"/>
      <c r="D3854" s="14"/>
      <c r="E3854" s="14"/>
      <c r="F3854" s="16"/>
      <c r="G3854" s="2"/>
      <c r="H3854" s="2"/>
      <c r="I3854" s="2"/>
      <c r="J3854" s="2"/>
      <c r="K3854" s="2"/>
      <c r="L3854" s="2"/>
    </row>
    <row r="3855" spans="1:12" s="17" customFormat="1" ht="27" customHeight="1" x14ac:dyDescent="0.15">
      <c r="A3855" s="13"/>
      <c r="B3855" s="14"/>
      <c r="C3855" s="13"/>
      <c r="D3855" s="14"/>
      <c r="E3855" s="14"/>
      <c r="F3855" s="16"/>
      <c r="G3855" s="2"/>
      <c r="H3855" s="2"/>
      <c r="I3855" s="2"/>
      <c r="J3855" s="2"/>
      <c r="K3855" s="2"/>
      <c r="L3855" s="2"/>
    </row>
    <row r="3856" spans="1:12" s="17" customFormat="1" ht="27" customHeight="1" x14ac:dyDescent="0.15">
      <c r="A3856" s="13"/>
      <c r="B3856" s="14"/>
      <c r="C3856" s="13"/>
      <c r="D3856" s="14"/>
      <c r="E3856" s="14"/>
      <c r="F3856" s="16"/>
      <c r="G3856" s="2"/>
      <c r="H3856" s="2"/>
      <c r="I3856" s="2"/>
      <c r="J3856" s="2"/>
      <c r="K3856" s="2"/>
      <c r="L3856" s="2"/>
    </row>
    <row r="3857" spans="1:12" s="17" customFormat="1" ht="27" customHeight="1" x14ac:dyDescent="0.15">
      <c r="A3857" s="13"/>
      <c r="B3857" s="14"/>
      <c r="C3857" s="13"/>
      <c r="D3857" s="14"/>
      <c r="E3857" s="14"/>
      <c r="F3857" s="16"/>
      <c r="G3857" s="2"/>
      <c r="H3857" s="2"/>
      <c r="I3857" s="2"/>
      <c r="J3857" s="2"/>
      <c r="K3857" s="2"/>
      <c r="L3857" s="2"/>
    </row>
    <row r="3858" spans="1:12" s="17" customFormat="1" ht="27" customHeight="1" x14ac:dyDescent="0.15">
      <c r="A3858" s="13"/>
      <c r="B3858" s="14"/>
      <c r="C3858" s="13"/>
      <c r="D3858" s="14"/>
      <c r="E3858" s="14"/>
      <c r="F3858" s="16"/>
      <c r="G3858" s="2"/>
      <c r="H3858" s="2"/>
      <c r="I3858" s="2"/>
      <c r="J3858" s="2"/>
      <c r="K3858" s="2"/>
      <c r="L3858" s="2"/>
    </row>
    <row r="3859" spans="1:12" s="17" customFormat="1" ht="27" customHeight="1" x14ac:dyDescent="0.15">
      <c r="A3859" s="13"/>
      <c r="B3859" s="14"/>
      <c r="C3859" s="13"/>
      <c r="D3859" s="14"/>
      <c r="E3859" s="14"/>
      <c r="F3859" s="16"/>
      <c r="G3859" s="2"/>
      <c r="H3859" s="2"/>
      <c r="I3859" s="2"/>
      <c r="J3859" s="2"/>
      <c r="K3859" s="2"/>
      <c r="L3859" s="2"/>
    </row>
    <row r="3860" spans="1:12" s="17" customFormat="1" ht="27" customHeight="1" x14ac:dyDescent="0.15">
      <c r="A3860" s="13"/>
      <c r="B3860" s="14"/>
      <c r="C3860" s="13"/>
      <c r="D3860" s="14"/>
      <c r="E3860" s="14"/>
      <c r="F3860" s="16"/>
      <c r="G3860" s="2"/>
      <c r="H3860" s="2"/>
      <c r="I3860" s="2"/>
      <c r="J3860" s="2"/>
      <c r="K3860" s="2"/>
      <c r="L3860" s="2"/>
    </row>
    <row r="3861" spans="1:12" s="17" customFormat="1" ht="27" customHeight="1" x14ac:dyDescent="0.15">
      <c r="A3861" s="13"/>
      <c r="B3861" s="14"/>
      <c r="C3861" s="13"/>
      <c r="D3861" s="14"/>
      <c r="E3861" s="14"/>
      <c r="F3861" s="16"/>
      <c r="G3861" s="2"/>
      <c r="H3861" s="2"/>
      <c r="I3861" s="2"/>
      <c r="J3861" s="2"/>
      <c r="K3861" s="2"/>
      <c r="L3861" s="2"/>
    </row>
    <row r="3862" spans="1:12" s="17" customFormat="1" ht="27" customHeight="1" x14ac:dyDescent="0.15">
      <c r="A3862" s="13"/>
      <c r="B3862" s="14"/>
      <c r="C3862" s="13"/>
      <c r="D3862" s="14"/>
      <c r="E3862" s="14"/>
      <c r="F3862" s="16"/>
      <c r="G3862" s="2"/>
      <c r="H3862" s="2"/>
      <c r="I3862" s="2"/>
      <c r="J3862" s="2"/>
      <c r="K3862" s="2"/>
      <c r="L3862" s="2"/>
    </row>
    <row r="3863" spans="1:12" s="17" customFormat="1" ht="27" customHeight="1" x14ac:dyDescent="0.15">
      <c r="A3863" s="13"/>
      <c r="B3863" s="14"/>
      <c r="C3863" s="13"/>
      <c r="D3863" s="14"/>
      <c r="E3863" s="14"/>
      <c r="F3863" s="16"/>
      <c r="G3863" s="2"/>
      <c r="H3863" s="2"/>
      <c r="I3863" s="2"/>
      <c r="J3863" s="2"/>
      <c r="K3863" s="2"/>
      <c r="L3863" s="2"/>
    </row>
    <row r="3864" spans="1:12" s="17" customFormat="1" ht="27" customHeight="1" x14ac:dyDescent="0.15">
      <c r="A3864" s="13"/>
      <c r="B3864" s="14"/>
      <c r="C3864" s="13"/>
      <c r="D3864" s="14"/>
      <c r="E3864" s="14"/>
      <c r="F3864" s="16"/>
      <c r="G3864" s="2"/>
      <c r="H3864" s="2"/>
      <c r="I3864" s="2"/>
      <c r="J3864" s="2"/>
      <c r="K3864" s="2"/>
      <c r="L3864" s="2"/>
    </row>
    <row r="3865" spans="1:12" s="17" customFormat="1" ht="27" customHeight="1" x14ac:dyDescent="0.15">
      <c r="A3865" s="13"/>
      <c r="B3865" s="14"/>
      <c r="C3865" s="13"/>
      <c r="D3865" s="14"/>
      <c r="E3865" s="14"/>
      <c r="F3865" s="16"/>
      <c r="G3865" s="2"/>
      <c r="H3865" s="2"/>
      <c r="I3865" s="2"/>
      <c r="J3865" s="2"/>
      <c r="K3865" s="2"/>
      <c r="L3865" s="2"/>
    </row>
    <row r="3866" spans="1:12" s="17" customFormat="1" ht="27" customHeight="1" x14ac:dyDescent="0.15">
      <c r="A3866" s="13"/>
      <c r="B3866" s="14"/>
      <c r="C3866" s="13"/>
      <c r="D3866" s="14"/>
      <c r="E3866" s="14"/>
      <c r="F3866" s="16"/>
      <c r="G3866" s="2"/>
      <c r="H3866" s="2"/>
      <c r="I3866" s="2"/>
      <c r="J3866" s="2"/>
      <c r="K3866" s="2"/>
      <c r="L3866" s="2"/>
    </row>
    <row r="3867" spans="1:12" s="17" customFormat="1" ht="27" customHeight="1" x14ac:dyDescent="0.15">
      <c r="A3867" s="13"/>
      <c r="B3867" s="14"/>
      <c r="C3867" s="13"/>
      <c r="D3867" s="14"/>
      <c r="E3867" s="14"/>
      <c r="F3867" s="16"/>
      <c r="G3867" s="2"/>
      <c r="H3867" s="2"/>
      <c r="I3867" s="2"/>
      <c r="J3867" s="2"/>
      <c r="K3867" s="2"/>
      <c r="L3867" s="2"/>
    </row>
    <row r="3868" spans="1:12" s="17" customFormat="1" ht="27" customHeight="1" x14ac:dyDescent="0.15">
      <c r="A3868" s="13"/>
      <c r="B3868" s="14"/>
      <c r="C3868" s="13"/>
      <c r="D3868" s="14"/>
      <c r="E3868" s="14"/>
      <c r="F3868" s="16"/>
      <c r="G3868" s="2"/>
      <c r="H3868" s="2"/>
      <c r="I3868" s="2"/>
      <c r="J3868" s="2"/>
      <c r="K3868" s="2"/>
      <c r="L3868" s="2"/>
    </row>
    <row r="3869" spans="1:12" s="17" customFormat="1" ht="27" customHeight="1" x14ac:dyDescent="0.15">
      <c r="A3869" s="13"/>
      <c r="B3869" s="14"/>
      <c r="C3869" s="13"/>
      <c r="D3869" s="14"/>
      <c r="E3869" s="14"/>
      <c r="F3869" s="16"/>
      <c r="G3869" s="2"/>
      <c r="H3869" s="2"/>
      <c r="I3869" s="2"/>
      <c r="J3869" s="2"/>
      <c r="K3869" s="2"/>
      <c r="L3869" s="2"/>
    </row>
    <row r="3870" spans="1:12" s="17" customFormat="1" ht="27" customHeight="1" x14ac:dyDescent="0.15">
      <c r="A3870" s="13"/>
      <c r="B3870" s="14"/>
      <c r="C3870" s="13"/>
      <c r="D3870" s="14"/>
      <c r="E3870" s="14"/>
      <c r="F3870" s="16"/>
      <c r="G3870" s="2"/>
      <c r="H3870" s="2"/>
      <c r="I3870" s="2"/>
      <c r="J3870" s="2"/>
      <c r="K3870" s="2"/>
      <c r="L3870" s="2"/>
    </row>
    <row r="3871" spans="1:12" s="17" customFormat="1" ht="27" customHeight="1" x14ac:dyDescent="0.15">
      <c r="A3871" s="13"/>
      <c r="B3871" s="14"/>
      <c r="C3871" s="13"/>
      <c r="D3871" s="14"/>
      <c r="E3871" s="14"/>
      <c r="F3871" s="16"/>
      <c r="G3871" s="2"/>
      <c r="H3871" s="2"/>
      <c r="I3871" s="2"/>
      <c r="J3871" s="2"/>
      <c r="K3871" s="2"/>
      <c r="L3871" s="2"/>
    </row>
    <row r="3872" spans="1:12" s="17" customFormat="1" ht="27" customHeight="1" x14ac:dyDescent="0.15">
      <c r="A3872" s="13"/>
      <c r="B3872" s="14"/>
      <c r="C3872" s="13"/>
      <c r="D3872" s="14"/>
      <c r="E3872" s="14"/>
      <c r="F3872" s="16"/>
      <c r="G3872" s="2"/>
      <c r="H3872" s="2"/>
      <c r="I3872" s="2"/>
      <c r="J3872" s="2"/>
      <c r="K3872" s="2"/>
      <c r="L3872" s="2"/>
    </row>
    <row r="3873" spans="1:12" s="17" customFormat="1" ht="27" customHeight="1" x14ac:dyDescent="0.15">
      <c r="A3873" s="13"/>
      <c r="B3873" s="14"/>
      <c r="C3873" s="13"/>
      <c r="D3873" s="14"/>
      <c r="E3873" s="14"/>
      <c r="F3873" s="16"/>
      <c r="G3873" s="2"/>
      <c r="H3873" s="2"/>
      <c r="I3873" s="2"/>
      <c r="J3873" s="2"/>
      <c r="K3873" s="2"/>
      <c r="L3873" s="2"/>
    </row>
    <row r="3874" spans="1:12" s="17" customFormat="1" ht="27" customHeight="1" x14ac:dyDescent="0.15">
      <c r="A3874" s="13"/>
      <c r="B3874" s="14"/>
      <c r="C3874" s="13"/>
      <c r="D3874" s="14"/>
      <c r="E3874" s="14"/>
      <c r="F3874" s="16"/>
      <c r="G3874" s="2"/>
      <c r="H3874" s="2"/>
      <c r="I3874" s="2"/>
      <c r="J3874" s="2"/>
      <c r="K3874" s="2"/>
      <c r="L3874" s="2"/>
    </row>
    <row r="3875" spans="1:12" s="17" customFormat="1" ht="27" customHeight="1" x14ac:dyDescent="0.15">
      <c r="A3875" s="13"/>
      <c r="B3875" s="14"/>
      <c r="C3875" s="13"/>
      <c r="D3875" s="14"/>
      <c r="E3875" s="14"/>
      <c r="F3875" s="16"/>
      <c r="G3875" s="2"/>
      <c r="H3875" s="2"/>
      <c r="I3875" s="2"/>
      <c r="J3875" s="2"/>
      <c r="K3875" s="2"/>
      <c r="L3875" s="2"/>
    </row>
    <row r="3876" spans="1:12" s="17" customFormat="1" ht="27" customHeight="1" x14ac:dyDescent="0.15">
      <c r="A3876" s="13"/>
      <c r="B3876" s="14"/>
      <c r="C3876" s="13"/>
      <c r="D3876" s="14"/>
      <c r="E3876" s="14"/>
      <c r="F3876" s="16"/>
      <c r="G3876" s="2"/>
      <c r="H3876" s="2"/>
      <c r="I3876" s="2"/>
      <c r="J3876" s="2"/>
      <c r="K3876" s="2"/>
      <c r="L3876" s="2"/>
    </row>
    <row r="3877" spans="1:12" s="17" customFormat="1" ht="27" customHeight="1" x14ac:dyDescent="0.15">
      <c r="A3877" s="13"/>
      <c r="B3877" s="14"/>
      <c r="C3877" s="13"/>
      <c r="D3877" s="14"/>
      <c r="E3877" s="14"/>
      <c r="F3877" s="16"/>
      <c r="G3877" s="2"/>
      <c r="H3877" s="2"/>
      <c r="I3877" s="2"/>
      <c r="J3877" s="2"/>
      <c r="K3877" s="2"/>
      <c r="L3877" s="2"/>
    </row>
    <row r="3878" spans="1:12" s="17" customFormat="1" ht="27" customHeight="1" x14ac:dyDescent="0.15">
      <c r="A3878" s="13"/>
      <c r="B3878" s="14"/>
      <c r="C3878" s="13"/>
      <c r="D3878" s="14"/>
      <c r="E3878" s="14"/>
      <c r="F3878" s="16"/>
      <c r="G3878" s="2"/>
      <c r="H3878" s="2"/>
      <c r="I3878" s="2"/>
      <c r="J3878" s="2"/>
      <c r="K3878" s="2"/>
      <c r="L3878" s="2"/>
    </row>
    <row r="3879" spans="1:12" s="17" customFormat="1" ht="27" customHeight="1" x14ac:dyDescent="0.15">
      <c r="A3879" s="13"/>
      <c r="B3879" s="14"/>
      <c r="C3879" s="13"/>
      <c r="D3879" s="14"/>
      <c r="E3879" s="14"/>
      <c r="F3879" s="16"/>
      <c r="G3879" s="2"/>
      <c r="H3879" s="2"/>
      <c r="I3879" s="2"/>
      <c r="J3879" s="2"/>
      <c r="K3879" s="2"/>
      <c r="L3879" s="2"/>
    </row>
    <row r="3880" spans="1:12" s="17" customFormat="1" ht="27" customHeight="1" x14ac:dyDescent="0.15">
      <c r="A3880" s="13"/>
      <c r="B3880" s="14"/>
      <c r="C3880" s="13"/>
      <c r="D3880" s="14"/>
      <c r="E3880" s="14"/>
      <c r="F3880" s="16"/>
      <c r="G3880" s="2"/>
      <c r="H3880" s="2"/>
      <c r="I3880" s="2"/>
      <c r="J3880" s="2"/>
      <c r="K3880" s="2"/>
      <c r="L3880" s="2"/>
    </row>
    <row r="3881" spans="1:12" s="17" customFormat="1" ht="27" customHeight="1" x14ac:dyDescent="0.15">
      <c r="A3881" s="13"/>
      <c r="B3881" s="14"/>
      <c r="C3881" s="13"/>
      <c r="D3881" s="14"/>
      <c r="E3881" s="14"/>
      <c r="F3881" s="16"/>
      <c r="G3881" s="2"/>
      <c r="H3881" s="2"/>
      <c r="I3881" s="2"/>
      <c r="J3881" s="2"/>
      <c r="K3881" s="2"/>
      <c r="L3881" s="2"/>
    </row>
    <row r="3882" spans="1:12" s="17" customFormat="1" ht="27" customHeight="1" x14ac:dyDescent="0.15">
      <c r="A3882" s="13"/>
      <c r="B3882" s="14"/>
      <c r="C3882" s="13"/>
      <c r="D3882" s="14"/>
      <c r="E3882" s="14"/>
      <c r="F3882" s="16"/>
      <c r="G3882" s="2"/>
      <c r="H3882" s="2"/>
      <c r="I3882" s="2"/>
      <c r="J3882" s="2"/>
      <c r="K3882" s="2"/>
      <c r="L3882" s="2"/>
    </row>
    <row r="3883" spans="1:12" s="17" customFormat="1" ht="27" customHeight="1" x14ac:dyDescent="0.15">
      <c r="A3883" s="13"/>
      <c r="B3883" s="14"/>
      <c r="C3883" s="13"/>
      <c r="D3883" s="14"/>
      <c r="E3883" s="14"/>
      <c r="F3883" s="16"/>
      <c r="G3883" s="2"/>
      <c r="H3883" s="2"/>
      <c r="I3883" s="2"/>
      <c r="J3883" s="2"/>
      <c r="K3883" s="2"/>
      <c r="L3883" s="2"/>
    </row>
    <row r="3884" spans="1:12" s="17" customFormat="1" ht="27" customHeight="1" x14ac:dyDescent="0.15">
      <c r="A3884" s="13"/>
      <c r="B3884" s="14"/>
      <c r="C3884" s="13"/>
      <c r="D3884" s="14"/>
      <c r="E3884" s="14"/>
      <c r="F3884" s="16"/>
      <c r="G3884" s="2"/>
      <c r="H3884" s="2"/>
      <c r="I3884" s="2"/>
      <c r="J3884" s="2"/>
      <c r="K3884" s="2"/>
      <c r="L3884" s="2"/>
    </row>
    <row r="3885" spans="1:12" s="17" customFormat="1" ht="27" customHeight="1" x14ac:dyDescent="0.15">
      <c r="A3885" s="13"/>
      <c r="B3885" s="14"/>
      <c r="C3885" s="13"/>
      <c r="D3885" s="14"/>
      <c r="E3885" s="14"/>
      <c r="F3885" s="16"/>
      <c r="G3885" s="2"/>
      <c r="H3885" s="2"/>
      <c r="I3885" s="2"/>
      <c r="J3885" s="2"/>
      <c r="K3885" s="2"/>
      <c r="L3885" s="2"/>
    </row>
    <row r="3886" spans="1:12" s="17" customFormat="1" ht="27" customHeight="1" x14ac:dyDescent="0.15">
      <c r="A3886" s="13"/>
      <c r="B3886" s="14"/>
      <c r="C3886" s="13"/>
      <c r="D3886" s="14"/>
      <c r="E3886" s="14"/>
      <c r="F3886" s="16"/>
      <c r="G3886" s="2"/>
      <c r="H3886" s="2"/>
      <c r="I3886" s="2"/>
      <c r="J3886" s="2"/>
      <c r="K3886" s="2"/>
      <c r="L3886" s="2"/>
    </row>
    <row r="3887" spans="1:12" s="17" customFormat="1" ht="27" customHeight="1" x14ac:dyDescent="0.15">
      <c r="A3887" s="13"/>
      <c r="B3887" s="14"/>
      <c r="C3887" s="13"/>
      <c r="D3887" s="14"/>
      <c r="E3887" s="14"/>
      <c r="F3887" s="16"/>
      <c r="G3887" s="2"/>
      <c r="H3887" s="2"/>
      <c r="I3887" s="2"/>
      <c r="J3887" s="2"/>
      <c r="K3887" s="2"/>
      <c r="L3887" s="2"/>
    </row>
    <row r="3888" spans="1:12" s="17" customFormat="1" ht="27" customHeight="1" x14ac:dyDescent="0.15">
      <c r="A3888" s="13"/>
      <c r="B3888" s="14"/>
      <c r="C3888" s="13"/>
      <c r="D3888" s="14"/>
      <c r="E3888" s="14"/>
      <c r="F3888" s="16"/>
      <c r="G3888" s="2"/>
      <c r="H3888" s="2"/>
      <c r="I3888" s="2"/>
      <c r="J3888" s="2"/>
      <c r="K3888" s="2"/>
      <c r="L3888" s="2"/>
    </row>
    <row r="3889" spans="1:12" s="17" customFormat="1" ht="27" customHeight="1" x14ac:dyDescent="0.15">
      <c r="A3889" s="13"/>
      <c r="B3889" s="14"/>
      <c r="C3889" s="13"/>
      <c r="D3889" s="14"/>
      <c r="E3889" s="14"/>
      <c r="F3889" s="16"/>
      <c r="G3889" s="2"/>
      <c r="H3889" s="2"/>
      <c r="I3889" s="2"/>
      <c r="J3889" s="2"/>
      <c r="K3889" s="2"/>
      <c r="L3889" s="2"/>
    </row>
    <row r="3890" spans="1:12" s="17" customFormat="1" ht="27" customHeight="1" x14ac:dyDescent="0.15">
      <c r="A3890" s="13"/>
      <c r="B3890" s="14"/>
      <c r="C3890" s="13"/>
      <c r="D3890" s="14"/>
      <c r="E3890" s="14"/>
      <c r="F3890" s="16"/>
      <c r="G3890" s="2"/>
      <c r="H3890" s="2"/>
      <c r="I3890" s="2"/>
      <c r="J3890" s="2"/>
      <c r="K3890" s="2"/>
      <c r="L3890" s="2"/>
    </row>
    <row r="3891" spans="1:12" s="17" customFormat="1" ht="27" customHeight="1" x14ac:dyDescent="0.15">
      <c r="A3891" s="13"/>
      <c r="B3891" s="14"/>
      <c r="C3891" s="13"/>
      <c r="D3891" s="14"/>
      <c r="E3891" s="14"/>
      <c r="F3891" s="16"/>
      <c r="G3891" s="2"/>
      <c r="H3891" s="2"/>
      <c r="I3891" s="2"/>
      <c r="J3891" s="2"/>
      <c r="K3891" s="2"/>
      <c r="L3891" s="2"/>
    </row>
    <row r="3892" spans="1:12" s="17" customFormat="1" ht="27" customHeight="1" x14ac:dyDescent="0.15">
      <c r="A3892" s="13"/>
      <c r="B3892" s="14"/>
      <c r="C3892" s="13"/>
      <c r="D3892" s="14"/>
      <c r="E3892" s="14"/>
      <c r="F3892" s="16"/>
      <c r="G3892" s="2"/>
      <c r="H3892" s="2"/>
      <c r="I3892" s="2"/>
      <c r="J3892" s="2"/>
      <c r="K3892" s="2"/>
      <c r="L3892" s="2"/>
    </row>
    <row r="3893" spans="1:12" s="17" customFormat="1" ht="27" customHeight="1" x14ac:dyDescent="0.15">
      <c r="A3893" s="13"/>
      <c r="B3893" s="14"/>
      <c r="C3893" s="13"/>
      <c r="D3893" s="14"/>
      <c r="E3893" s="14"/>
      <c r="F3893" s="16"/>
      <c r="G3893" s="2"/>
      <c r="H3893" s="2"/>
      <c r="I3893" s="2"/>
      <c r="J3893" s="2"/>
      <c r="K3893" s="2"/>
      <c r="L3893" s="2"/>
    </row>
    <row r="3894" spans="1:12" s="17" customFormat="1" ht="27" customHeight="1" x14ac:dyDescent="0.15">
      <c r="A3894" s="13"/>
      <c r="B3894" s="14"/>
      <c r="C3894" s="13"/>
      <c r="D3894" s="14"/>
      <c r="E3894" s="14"/>
      <c r="F3894" s="16"/>
      <c r="G3894" s="2"/>
      <c r="H3894" s="2"/>
      <c r="I3894" s="2"/>
      <c r="J3894" s="2"/>
      <c r="K3894" s="2"/>
      <c r="L3894" s="2"/>
    </row>
    <row r="3895" spans="1:12" s="17" customFormat="1" ht="27" customHeight="1" x14ac:dyDescent="0.15">
      <c r="A3895" s="13"/>
      <c r="B3895" s="14"/>
      <c r="C3895" s="13"/>
      <c r="D3895" s="14"/>
      <c r="E3895" s="14"/>
      <c r="F3895" s="16"/>
      <c r="G3895" s="2"/>
      <c r="H3895" s="2"/>
      <c r="I3895" s="2"/>
      <c r="J3895" s="2"/>
      <c r="K3895" s="2"/>
      <c r="L3895" s="2"/>
    </row>
    <row r="3896" spans="1:12" s="17" customFormat="1" ht="27" customHeight="1" x14ac:dyDescent="0.15">
      <c r="A3896" s="13"/>
      <c r="B3896" s="14"/>
      <c r="C3896" s="13"/>
      <c r="D3896" s="14"/>
      <c r="E3896" s="14"/>
      <c r="F3896" s="16"/>
      <c r="G3896" s="2"/>
      <c r="H3896" s="2"/>
      <c r="I3896" s="2"/>
      <c r="J3896" s="2"/>
      <c r="K3896" s="2"/>
      <c r="L3896" s="2"/>
    </row>
    <row r="3897" spans="1:12" s="17" customFormat="1" ht="27" customHeight="1" x14ac:dyDescent="0.15">
      <c r="A3897" s="13"/>
      <c r="B3897" s="14"/>
      <c r="C3897" s="13"/>
      <c r="D3897" s="14"/>
      <c r="E3897" s="14"/>
      <c r="F3897" s="16"/>
      <c r="G3897" s="2"/>
      <c r="H3897" s="2"/>
      <c r="I3897" s="2"/>
      <c r="J3897" s="2"/>
      <c r="K3897" s="2"/>
      <c r="L3897" s="2"/>
    </row>
    <row r="3898" spans="1:12" s="17" customFormat="1" ht="27" customHeight="1" x14ac:dyDescent="0.15">
      <c r="A3898" s="13"/>
      <c r="B3898" s="14"/>
      <c r="C3898" s="13"/>
      <c r="D3898" s="14"/>
      <c r="E3898" s="14"/>
      <c r="F3898" s="16"/>
      <c r="G3898" s="2"/>
      <c r="H3898" s="2"/>
      <c r="I3898" s="2"/>
      <c r="J3898" s="2"/>
      <c r="K3898" s="2"/>
      <c r="L3898" s="2"/>
    </row>
    <row r="3899" spans="1:12" s="17" customFormat="1" ht="27" customHeight="1" x14ac:dyDescent="0.15">
      <c r="A3899" s="13"/>
      <c r="B3899" s="14"/>
      <c r="C3899" s="13"/>
      <c r="D3899" s="14"/>
      <c r="E3899" s="14"/>
      <c r="F3899" s="16"/>
      <c r="G3899" s="2"/>
      <c r="H3899" s="2"/>
      <c r="I3899" s="2"/>
      <c r="J3899" s="2"/>
      <c r="K3899" s="2"/>
      <c r="L3899" s="2"/>
    </row>
    <row r="3900" spans="1:12" s="17" customFormat="1" ht="27" customHeight="1" x14ac:dyDescent="0.15">
      <c r="A3900" s="13"/>
      <c r="B3900" s="14"/>
      <c r="C3900" s="13"/>
      <c r="D3900" s="14"/>
      <c r="E3900" s="14"/>
      <c r="F3900" s="16"/>
      <c r="G3900" s="2"/>
      <c r="H3900" s="2"/>
      <c r="I3900" s="2"/>
      <c r="J3900" s="2"/>
      <c r="K3900" s="2"/>
      <c r="L3900" s="2"/>
    </row>
    <row r="3901" spans="1:12" s="17" customFormat="1" ht="27" customHeight="1" x14ac:dyDescent="0.15">
      <c r="A3901" s="13"/>
      <c r="B3901" s="14"/>
      <c r="C3901" s="13"/>
      <c r="D3901" s="14"/>
      <c r="E3901" s="14"/>
      <c r="F3901" s="16"/>
      <c r="G3901" s="2"/>
      <c r="H3901" s="2"/>
      <c r="I3901" s="2"/>
      <c r="J3901" s="2"/>
      <c r="K3901" s="2"/>
      <c r="L3901" s="2"/>
    </row>
    <row r="3902" spans="1:12" s="17" customFormat="1" ht="27" customHeight="1" x14ac:dyDescent="0.15">
      <c r="A3902" s="13"/>
      <c r="B3902" s="14"/>
      <c r="C3902" s="13"/>
      <c r="D3902" s="14"/>
      <c r="E3902" s="14"/>
      <c r="F3902" s="16"/>
      <c r="G3902" s="2"/>
      <c r="H3902" s="2"/>
      <c r="I3902" s="2"/>
      <c r="J3902" s="2"/>
      <c r="K3902" s="2"/>
      <c r="L3902" s="2"/>
    </row>
    <row r="3903" spans="1:12" s="17" customFormat="1" ht="27" customHeight="1" x14ac:dyDescent="0.15">
      <c r="A3903" s="13"/>
      <c r="B3903" s="14"/>
      <c r="C3903" s="13"/>
      <c r="D3903" s="14"/>
      <c r="E3903" s="14"/>
      <c r="F3903" s="16"/>
      <c r="G3903" s="2"/>
      <c r="H3903" s="2"/>
      <c r="I3903" s="2"/>
      <c r="J3903" s="2"/>
      <c r="K3903" s="2"/>
      <c r="L3903" s="2"/>
    </row>
    <row r="3904" spans="1:12" s="17" customFormat="1" ht="27" customHeight="1" x14ac:dyDescent="0.15">
      <c r="A3904" s="13"/>
      <c r="B3904" s="14"/>
      <c r="C3904" s="13"/>
      <c r="D3904" s="14"/>
      <c r="E3904" s="14"/>
      <c r="F3904" s="16"/>
      <c r="G3904" s="2"/>
      <c r="H3904" s="2"/>
      <c r="I3904" s="2"/>
      <c r="J3904" s="2"/>
      <c r="K3904" s="2"/>
      <c r="L3904" s="2"/>
    </row>
    <row r="3905" spans="1:12" s="17" customFormat="1" ht="27" customHeight="1" x14ac:dyDescent="0.15">
      <c r="A3905" s="13"/>
      <c r="B3905" s="14"/>
      <c r="C3905" s="13"/>
      <c r="D3905" s="14"/>
      <c r="E3905" s="14"/>
      <c r="F3905" s="16"/>
      <c r="G3905" s="2"/>
      <c r="H3905" s="2"/>
      <c r="I3905" s="2"/>
      <c r="J3905" s="2"/>
      <c r="K3905" s="2"/>
      <c r="L3905" s="2"/>
    </row>
    <row r="3906" spans="1:12" s="17" customFormat="1" ht="27" customHeight="1" x14ac:dyDescent="0.15">
      <c r="A3906" s="13"/>
      <c r="B3906" s="14"/>
      <c r="C3906" s="13"/>
      <c r="D3906" s="14"/>
      <c r="E3906" s="14"/>
      <c r="F3906" s="16"/>
      <c r="G3906" s="2"/>
      <c r="H3906" s="2"/>
      <c r="I3906" s="2"/>
      <c r="J3906" s="2"/>
      <c r="K3906" s="2"/>
      <c r="L3906" s="2"/>
    </row>
    <row r="3907" spans="1:12" s="17" customFormat="1" ht="27" customHeight="1" x14ac:dyDescent="0.15">
      <c r="A3907" s="13"/>
      <c r="B3907" s="14"/>
      <c r="C3907" s="13"/>
      <c r="D3907" s="14"/>
      <c r="E3907" s="14"/>
      <c r="F3907" s="16"/>
      <c r="G3907" s="2"/>
      <c r="H3907" s="2"/>
      <c r="I3907" s="2"/>
      <c r="J3907" s="2"/>
      <c r="K3907" s="2"/>
      <c r="L3907" s="2"/>
    </row>
    <row r="3908" spans="1:12" s="17" customFormat="1" ht="27" customHeight="1" x14ac:dyDescent="0.15">
      <c r="A3908" s="13"/>
      <c r="B3908" s="14"/>
      <c r="C3908" s="13"/>
      <c r="D3908" s="14"/>
      <c r="E3908" s="14"/>
      <c r="F3908" s="16"/>
      <c r="G3908" s="2"/>
      <c r="H3908" s="2"/>
      <c r="I3908" s="2"/>
      <c r="J3908" s="2"/>
      <c r="K3908" s="2"/>
      <c r="L3908" s="2"/>
    </row>
    <row r="3909" spans="1:12" s="17" customFormat="1" ht="27" customHeight="1" x14ac:dyDescent="0.15">
      <c r="A3909" s="13"/>
      <c r="B3909" s="14"/>
      <c r="C3909" s="13"/>
      <c r="D3909" s="14"/>
      <c r="E3909" s="14"/>
      <c r="F3909" s="16"/>
      <c r="G3909" s="2"/>
      <c r="H3909" s="2"/>
      <c r="I3909" s="2"/>
      <c r="J3909" s="2"/>
      <c r="K3909" s="2"/>
      <c r="L3909" s="2"/>
    </row>
    <row r="3910" spans="1:12" s="17" customFormat="1" ht="27" customHeight="1" x14ac:dyDescent="0.15">
      <c r="A3910" s="13"/>
      <c r="B3910" s="14"/>
      <c r="C3910" s="13"/>
      <c r="D3910" s="14"/>
      <c r="E3910" s="14"/>
      <c r="F3910" s="16"/>
      <c r="G3910" s="2"/>
      <c r="H3910" s="2"/>
      <c r="I3910" s="2"/>
      <c r="J3910" s="2"/>
      <c r="K3910" s="2"/>
      <c r="L3910" s="2"/>
    </row>
    <row r="3911" spans="1:12" s="17" customFormat="1" ht="27" customHeight="1" x14ac:dyDescent="0.15">
      <c r="A3911" s="13"/>
      <c r="B3911" s="14"/>
      <c r="C3911" s="13"/>
      <c r="D3911" s="14"/>
      <c r="E3911" s="14"/>
      <c r="F3911" s="16"/>
      <c r="G3911" s="2"/>
      <c r="H3911" s="2"/>
      <c r="I3911" s="2"/>
      <c r="J3911" s="2"/>
      <c r="K3911" s="2"/>
      <c r="L3911" s="2"/>
    </row>
    <row r="3912" spans="1:12" s="17" customFormat="1" ht="27" customHeight="1" x14ac:dyDescent="0.15">
      <c r="A3912" s="13"/>
      <c r="B3912" s="14"/>
      <c r="C3912" s="13"/>
      <c r="D3912" s="14"/>
      <c r="E3912" s="14"/>
      <c r="F3912" s="16"/>
      <c r="G3912" s="2"/>
      <c r="H3912" s="2"/>
      <c r="I3912" s="2"/>
      <c r="J3912" s="2"/>
      <c r="K3912" s="2"/>
      <c r="L3912" s="2"/>
    </row>
    <row r="3913" spans="1:12" s="17" customFormat="1" ht="27" customHeight="1" x14ac:dyDescent="0.15">
      <c r="A3913" s="13"/>
      <c r="B3913" s="14"/>
      <c r="C3913" s="13"/>
      <c r="D3913" s="14"/>
      <c r="E3913" s="14"/>
      <c r="F3913" s="16"/>
      <c r="G3913" s="2"/>
      <c r="H3913" s="2"/>
      <c r="I3913" s="2"/>
      <c r="J3913" s="2"/>
      <c r="K3913" s="2"/>
      <c r="L3913" s="2"/>
    </row>
    <row r="3914" spans="1:12" s="17" customFormat="1" ht="27" customHeight="1" x14ac:dyDescent="0.15">
      <c r="A3914" s="13"/>
      <c r="B3914" s="14"/>
      <c r="C3914" s="13"/>
      <c r="D3914" s="14"/>
      <c r="E3914" s="14"/>
      <c r="F3914" s="16"/>
      <c r="G3914" s="2"/>
      <c r="H3914" s="2"/>
      <c r="I3914" s="2"/>
      <c r="J3914" s="2"/>
      <c r="K3914" s="2"/>
      <c r="L3914" s="2"/>
    </row>
    <row r="3915" spans="1:12" s="17" customFormat="1" ht="27" customHeight="1" x14ac:dyDescent="0.15">
      <c r="A3915" s="13"/>
      <c r="B3915" s="14"/>
      <c r="C3915" s="13"/>
      <c r="D3915" s="14"/>
      <c r="E3915" s="14"/>
      <c r="F3915" s="16"/>
      <c r="G3915" s="2"/>
      <c r="H3915" s="2"/>
      <c r="I3915" s="2"/>
      <c r="J3915" s="2"/>
      <c r="K3915" s="2"/>
      <c r="L3915" s="2"/>
    </row>
    <row r="3916" spans="1:12" s="17" customFormat="1" ht="27" customHeight="1" x14ac:dyDescent="0.15">
      <c r="A3916" s="13"/>
      <c r="B3916" s="14"/>
      <c r="C3916" s="13"/>
      <c r="D3916" s="14"/>
      <c r="E3916" s="14"/>
      <c r="F3916" s="16"/>
      <c r="G3916" s="2"/>
      <c r="H3916" s="2"/>
      <c r="I3916" s="2"/>
      <c r="J3916" s="2"/>
      <c r="K3916" s="2"/>
      <c r="L3916" s="2"/>
    </row>
    <row r="3917" spans="1:12" s="17" customFormat="1" ht="27" customHeight="1" x14ac:dyDescent="0.15">
      <c r="A3917" s="13"/>
      <c r="B3917" s="14"/>
      <c r="C3917" s="13"/>
      <c r="D3917" s="14"/>
      <c r="E3917" s="14"/>
      <c r="F3917" s="16"/>
      <c r="G3917" s="2"/>
      <c r="H3917" s="2"/>
      <c r="I3917" s="2"/>
      <c r="J3917" s="2"/>
      <c r="K3917" s="2"/>
      <c r="L3917" s="2"/>
    </row>
    <row r="3918" spans="1:12" s="17" customFormat="1" ht="27" customHeight="1" x14ac:dyDescent="0.15">
      <c r="A3918" s="13"/>
      <c r="B3918" s="14"/>
      <c r="C3918" s="13"/>
      <c r="D3918" s="14"/>
      <c r="E3918" s="14"/>
      <c r="F3918" s="16"/>
      <c r="G3918" s="2"/>
      <c r="H3918" s="2"/>
      <c r="I3918" s="2"/>
      <c r="J3918" s="2"/>
      <c r="K3918" s="2"/>
      <c r="L3918" s="2"/>
    </row>
    <row r="3919" spans="1:12" s="17" customFormat="1" ht="27" customHeight="1" x14ac:dyDescent="0.15">
      <c r="A3919" s="13"/>
      <c r="B3919" s="14"/>
      <c r="C3919" s="13"/>
      <c r="D3919" s="14"/>
      <c r="E3919" s="14"/>
      <c r="F3919" s="16"/>
      <c r="G3919" s="2"/>
      <c r="H3919" s="2"/>
      <c r="I3919" s="2"/>
      <c r="J3919" s="2"/>
      <c r="K3919" s="2"/>
      <c r="L3919" s="2"/>
    </row>
    <row r="3920" spans="1:12" s="17" customFormat="1" ht="27" customHeight="1" x14ac:dyDescent="0.15">
      <c r="A3920" s="13"/>
      <c r="B3920" s="14"/>
      <c r="C3920" s="13"/>
      <c r="D3920" s="14"/>
      <c r="E3920" s="14"/>
      <c r="F3920" s="16"/>
      <c r="G3920" s="2"/>
      <c r="H3920" s="2"/>
      <c r="I3920" s="2"/>
      <c r="J3920" s="2"/>
      <c r="K3920" s="2"/>
      <c r="L3920" s="2"/>
    </row>
    <row r="3921" spans="1:12" s="17" customFormat="1" ht="27" customHeight="1" x14ac:dyDescent="0.15">
      <c r="A3921" s="13"/>
      <c r="B3921" s="14"/>
      <c r="C3921" s="13"/>
      <c r="D3921" s="14"/>
      <c r="E3921" s="14"/>
      <c r="F3921" s="16"/>
      <c r="G3921" s="2"/>
      <c r="H3921" s="2"/>
      <c r="I3921" s="2"/>
      <c r="J3921" s="2"/>
      <c r="K3921" s="2"/>
      <c r="L3921" s="2"/>
    </row>
    <row r="3922" spans="1:12" s="17" customFormat="1" ht="27" customHeight="1" x14ac:dyDescent="0.15">
      <c r="A3922" s="13"/>
      <c r="B3922" s="14"/>
      <c r="C3922" s="13"/>
      <c r="D3922" s="14"/>
      <c r="E3922" s="14"/>
      <c r="F3922" s="16"/>
      <c r="G3922" s="2"/>
      <c r="H3922" s="2"/>
      <c r="I3922" s="2"/>
      <c r="J3922" s="2"/>
      <c r="K3922" s="2"/>
      <c r="L3922" s="2"/>
    </row>
    <row r="3923" spans="1:12" s="17" customFormat="1" ht="27" customHeight="1" x14ac:dyDescent="0.15">
      <c r="A3923" s="13"/>
      <c r="B3923" s="14"/>
      <c r="C3923" s="13"/>
      <c r="D3923" s="14"/>
      <c r="E3923" s="14"/>
      <c r="F3923" s="16"/>
      <c r="G3923" s="2"/>
      <c r="H3923" s="2"/>
      <c r="I3923" s="2"/>
      <c r="J3923" s="2"/>
      <c r="K3923" s="2"/>
      <c r="L3923" s="2"/>
    </row>
    <row r="3924" spans="1:12" s="17" customFormat="1" ht="27" customHeight="1" x14ac:dyDescent="0.15">
      <c r="A3924" s="13"/>
      <c r="B3924" s="14"/>
      <c r="C3924" s="13"/>
      <c r="D3924" s="14"/>
      <c r="E3924" s="14"/>
      <c r="F3924" s="16"/>
      <c r="G3924" s="2"/>
      <c r="H3924" s="2"/>
      <c r="I3924" s="2"/>
      <c r="J3924" s="2"/>
      <c r="K3924" s="2"/>
      <c r="L3924" s="2"/>
    </row>
    <row r="3925" spans="1:12" s="17" customFormat="1" ht="27" customHeight="1" x14ac:dyDescent="0.15">
      <c r="A3925" s="13"/>
      <c r="B3925" s="14"/>
      <c r="C3925" s="13"/>
      <c r="D3925" s="14"/>
      <c r="E3925" s="14"/>
      <c r="F3925" s="16"/>
      <c r="G3925" s="2"/>
      <c r="H3925" s="2"/>
      <c r="I3925" s="2"/>
      <c r="J3925" s="2"/>
      <c r="K3925" s="2"/>
      <c r="L3925" s="2"/>
    </row>
    <row r="3926" spans="1:12" s="17" customFormat="1" ht="27" customHeight="1" x14ac:dyDescent="0.15">
      <c r="A3926" s="13"/>
      <c r="B3926" s="14"/>
      <c r="C3926" s="13"/>
      <c r="D3926" s="14"/>
      <c r="E3926" s="14"/>
      <c r="F3926" s="16"/>
      <c r="G3926" s="2"/>
      <c r="H3926" s="2"/>
      <c r="I3926" s="2"/>
      <c r="J3926" s="2"/>
      <c r="K3926" s="2"/>
      <c r="L3926" s="2"/>
    </row>
    <row r="3927" spans="1:12" s="17" customFormat="1" ht="27" customHeight="1" x14ac:dyDescent="0.15">
      <c r="A3927" s="13"/>
      <c r="B3927" s="14"/>
      <c r="C3927" s="13"/>
      <c r="D3927" s="14"/>
      <c r="E3927" s="14"/>
      <c r="F3927" s="16"/>
      <c r="G3927" s="2"/>
      <c r="H3927" s="2"/>
      <c r="I3927" s="2"/>
      <c r="J3927" s="2"/>
      <c r="K3927" s="2"/>
      <c r="L3927" s="2"/>
    </row>
    <row r="3928" spans="1:12" s="17" customFormat="1" ht="27" customHeight="1" x14ac:dyDescent="0.15">
      <c r="A3928" s="13"/>
      <c r="B3928" s="14"/>
      <c r="C3928" s="13"/>
      <c r="D3928" s="14"/>
      <c r="E3928" s="14"/>
      <c r="F3928" s="16"/>
      <c r="G3928" s="2"/>
      <c r="H3928" s="2"/>
      <c r="I3928" s="2"/>
      <c r="J3928" s="2"/>
      <c r="K3928" s="2"/>
      <c r="L3928" s="2"/>
    </row>
    <row r="3929" spans="1:12" s="17" customFormat="1" ht="27" customHeight="1" x14ac:dyDescent="0.15">
      <c r="A3929" s="13"/>
      <c r="B3929" s="14"/>
      <c r="C3929" s="13"/>
      <c r="D3929" s="14"/>
      <c r="E3929" s="14"/>
      <c r="F3929" s="16"/>
      <c r="G3929" s="2"/>
      <c r="H3929" s="2"/>
      <c r="I3929" s="2"/>
      <c r="J3929" s="2"/>
      <c r="K3929" s="2"/>
      <c r="L3929" s="2"/>
    </row>
    <row r="3930" spans="1:12" s="17" customFormat="1" ht="27" customHeight="1" x14ac:dyDescent="0.15">
      <c r="A3930" s="13"/>
      <c r="B3930" s="14"/>
      <c r="C3930" s="13"/>
      <c r="D3930" s="14"/>
      <c r="E3930" s="14"/>
      <c r="F3930" s="16"/>
      <c r="G3930" s="2"/>
      <c r="H3930" s="2"/>
      <c r="I3930" s="2"/>
      <c r="J3930" s="2"/>
      <c r="K3930" s="2"/>
      <c r="L3930" s="2"/>
    </row>
    <row r="3931" spans="1:12" s="17" customFormat="1" ht="27" customHeight="1" x14ac:dyDescent="0.15">
      <c r="A3931" s="13"/>
      <c r="B3931" s="14"/>
      <c r="C3931" s="13"/>
      <c r="D3931" s="14"/>
      <c r="E3931" s="14"/>
      <c r="F3931" s="16"/>
      <c r="G3931" s="2"/>
      <c r="H3931" s="2"/>
      <c r="I3931" s="2"/>
      <c r="J3931" s="2"/>
      <c r="K3931" s="2"/>
      <c r="L3931" s="2"/>
    </row>
    <row r="3932" spans="1:12" s="17" customFormat="1" ht="27" customHeight="1" x14ac:dyDescent="0.15">
      <c r="A3932" s="13"/>
      <c r="B3932" s="14"/>
      <c r="C3932" s="13"/>
      <c r="D3932" s="14"/>
      <c r="E3932" s="14"/>
      <c r="F3932" s="16"/>
      <c r="G3932" s="2"/>
      <c r="H3932" s="2"/>
      <c r="I3932" s="2"/>
      <c r="J3932" s="2"/>
      <c r="K3932" s="2"/>
      <c r="L3932" s="2"/>
    </row>
    <row r="3933" spans="1:12" s="17" customFormat="1" ht="27" customHeight="1" x14ac:dyDescent="0.15">
      <c r="A3933" s="13"/>
      <c r="B3933" s="14"/>
      <c r="C3933" s="13"/>
      <c r="D3933" s="14"/>
      <c r="E3933" s="14"/>
      <c r="F3933" s="16"/>
      <c r="G3933" s="2"/>
      <c r="H3933" s="2"/>
      <c r="I3933" s="2"/>
      <c r="J3933" s="2"/>
      <c r="K3933" s="2"/>
      <c r="L3933" s="2"/>
    </row>
    <row r="3934" spans="1:12" s="17" customFormat="1" ht="27" customHeight="1" x14ac:dyDescent="0.15">
      <c r="A3934" s="13"/>
      <c r="B3934" s="14"/>
      <c r="C3934" s="13"/>
      <c r="D3934" s="14"/>
      <c r="E3934" s="14"/>
      <c r="F3934" s="16"/>
      <c r="G3934" s="2"/>
      <c r="H3934" s="2"/>
      <c r="I3934" s="2"/>
      <c r="J3934" s="2"/>
      <c r="K3934" s="2"/>
      <c r="L3934" s="2"/>
    </row>
    <row r="3935" spans="1:12" s="17" customFormat="1" ht="27" customHeight="1" x14ac:dyDescent="0.15">
      <c r="A3935" s="13"/>
      <c r="B3935" s="14"/>
      <c r="C3935" s="13"/>
      <c r="D3935" s="14"/>
      <c r="E3935" s="14"/>
      <c r="F3935" s="16"/>
      <c r="G3935" s="2"/>
      <c r="H3935" s="2"/>
      <c r="I3935" s="2"/>
      <c r="J3935" s="2"/>
      <c r="K3935" s="2"/>
      <c r="L3935" s="2"/>
    </row>
    <row r="3936" spans="1:12" s="17" customFormat="1" ht="27" customHeight="1" x14ac:dyDescent="0.15">
      <c r="A3936" s="13"/>
      <c r="B3936" s="14"/>
      <c r="C3936" s="13"/>
      <c r="D3936" s="14"/>
      <c r="E3936" s="14"/>
      <c r="F3936" s="16"/>
      <c r="G3936" s="2"/>
      <c r="H3936" s="2"/>
      <c r="I3936" s="2"/>
      <c r="J3936" s="2"/>
      <c r="K3936" s="2"/>
      <c r="L3936" s="2"/>
    </row>
    <row r="3937" spans="1:12" s="17" customFormat="1" ht="27" customHeight="1" x14ac:dyDescent="0.15">
      <c r="A3937" s="13"/>
      <c r="B3937" s="14"/>
      <c r="C3937" s="13"/>
      <c r="D3937" s="14"/>
      <c r="E3937" s="14"/>
      <c r="F3937" s="16"/>
      <c r="G3937" s="2"/>
      <c r="H3937" s="2"/>
      <c r="I3937" s="2"/>
      <c r="J3937" s="2"/>
      <c r="K3937" s="2"/>
      <c r="L3937" s="2"/>
    </row>
    <row r="3938" spans="1:12" s="17" customFormat="1" ht="27" customHeight="1" x14ac:dyDescent="0.15">
      <c r="A3938" s="13"/>
      <c r="B3938" s="14"/>
      <c r="C3938" s="13"/>
      <c r="D3938" s="14"/>
      <c r="E3938" s="14"/>
      <c r="F3938" s="16"/>
      <c r="G3938" s="2"/>
      <c r="H3938" s="2"/>
      <c r="I3938" s="2"/>
      <c r="J3938" s="2"/>
      <c r="K3938" s="2"/>
      <c r="L3938" s="2"/>
    </row>
    <row r="3939" spans="1:12" s="17" customFormat="1" ht="27" customHeight="1" x14ac:dyDescent="0.15">
      <c r="A3939" s="13"/>
      <c r="B3939" s="14"/>
      <c r="C3939" s="13"/>
      <c r="D3939" s="14"/>
      <c r="E3939" s="14"/>
      <c r="F3939" s="16"/>
      <c r="G3939" s="2"/>
      <c r="H3939" s="2"/>
      <c r="I3939" s="2"/>
      <c r="J3939" s="2"/>
      <c r="K3939" s="2"/>
      <c r="L3939" s="2"/>
    </row>
    <row r="3940" spans="1:12" s="17" customFormat="1" ht="27" customHeight="1" x14ac:dyDescent="0.15">
      <c r="A3940" s="13"/>
      <c r="B3940" s="14"/>
      <c r="C3940" s="13"/>
      <c r="D3940" s="14"/>
      <c r="E3940" s="14"/>
      <c r="F3940" s="16"/>
      <c r="G3940" s="2"/>
      <c r="H3940" s="2"/>
      <c r="I3940" s="2"/>
      <c r="J3940" s="2"/>
      <c r="K3940" s="2"/>
      <c r="L3940" s="2"/>
    </row>
    <row r="3941" spans="1:12" s="17" customFormat="1" ht="27" customHeight="1" x14ac:dyDescent="0.15">
      <c r="A3941" s="13"/>
      <c r="B3941" s="14"/>
      <c r="C3941" s="13"/>
      <c r="D3941" s="14"/>
      <c r="E3941" s="14"/>
      <c r="F3941" s="16"/>
      <c r="G3941" s="2"/>
      <c r="H3941" s="2"/>
      <c r="I3941" s="2"/>
      <c r="J3941" s="2"/>
      <c r="K3941" s="2"/>
      <c r="L3941" s="2"/>
    </row>
    <row r="3942" spans="1:12" s="17" customFormat="1" ht="27" customHeight="1" x14ac:dyDescent="0.15">
      <c r="A3942" s="13"/>
      <c r="B3942" s="14"/>
      <c r="C3942" s="13"/>
      <c r="D3942" s="14"/>
      <c r="E3942" s="14"/>
      <c r="F3942" s="16"/>
      <c r="G3942" s="2"/>
      <c r="H3942" s="2"/>
      <c r="I3942" s="2"/>
      <c r="J3942" s="2"/>
      <c r="K3942" s="2"/>
      <c r="L3942" s="2"/>
    </row>
    <row r="3943" spans="1:12" s="17" customFormat="1" ht="27" customHeight="1" x14ac:dyDescent="0.15">
      <c r="A3943" s="13"/>
      <c r="B3943" s="14"/>
      <c r="C3943" s="13"/>
      <c r="D3943" s="14"/>
      <c r="E3943" s="14"/>
      <c r="F3943" s="16"/>
      <c r="G3943" s="2"/>
      <c r="H3943" s="2"/>
      <c r="I3943" s="2"/>
      <c r="J3943" s="2"/>
      <c r="K3943" s="2"/>
      <c r="L3943" s="2"/>
    </row>
    <row r="3944" spans="1:12" s="17" customFormat="1" ht="27" customHeight="1" x14ac:dyDescent="0.15">
      <c r="A3944" s="13"/>
      <c r="B3944" s="14"/>
      <c r="C3944" s="13"/>
      <c r="D3944" s="14"/>
      <c r="E3944" s="14"/>
      <c r="F3944" s="16"/>
      <c r="G3944" s="2"/>
      <c r="H3944" s="2"/>
      <c r="I3944" s="2"/>
      <c r="J3944" s="2"/>
      <c r="K3944" s="2"/>
      <c r="L3944" s="2"/>
    </row>
    <row r="3945" spans="1:12" s="17" customFormat="1" ht="27" customHeight="1" x14ac:dyDescent="0.15">
      <c r="A3945" s="13"/>
      <c r="B3945" s="14"/>
      <c r="C3945" s="13"/>
      <c r="D3945" s="14"/>
      <c r="E3945" s="14"/>
      <c r="F3945" s="16"/>
      <c r="G3945" s="2"/>
      <c r="H3945" s="2"/>
      <c r="I3945" s="2"/>
      <c r="J3945" s="2"/>
      <c r="K3945" s="2"/>
      <c r="L3945" s="2"/>
    </row>
    <row r="3946" spans="1:12" s="17" customFormat="1" ht="27" customHeight="1" x14ac:dyDescent="0.15">
      <c r="A3946" s="13"/>
      <c r="B3946" s="14"/>
      <c r="C3946" s="13"/>
      <c r="D3946" s="14"/>
      <c r="E3946" s="14"/>
      <c r="F3946" s="16"/>
      <c r="G3946" s="2"/>
      <c r="H3946" s="2"/>
      <c r="I3946" s="2"/>
      <c r="J3946" s="2"/>
      <c r="K3946" s="2"/>
      <c r="L3946" s="2"/>
    </row>
    <row r="3947" spans="1:12" s="17" customFormat="1" ht="27" customHeight="1" x14ac:dyDescent="0.15">
      <c r="A3947" s="13"/>
      <c r="B3947" s="14"/>
      <c r="C3947" s="13"/>
      <c r="D3947" s="14"/>
      <c r="E3947" s="14"/>
      <c r="F3947" s="16"/>
      <c r="G3947" s="2"/>
      <c r="H3947" s="2"/>
      <c r="I3947" s="2"/>
      <c r="J3947" s="2"/>
      <c r="K3947" s="2"/>
      <c r="L3947" s="2"/>
    </row>
    <row r="3948" spans="1:12" s="17" customFormat="1" ht="27" customHeight="1" x14ac:dyDescent="0.15">
      <c r="A3948" s="13"/>
      <c r="B3948" s="14"/>
      <c r="C3948" s="13"/>
      <c r="D3948" s="14"/>
      <c r="E3948" s="14"/>
      <c r="F3948" s="16"/>
      <c r="G3948" s="2"/>
      <c r="H3948" s="2"/>
      <c r="I3948" s="2"/>
      <c r="J3948" s="2"/>
      <c r="K3948" s="2"/>
      <c r="L3948" s="2"/>
    </row>
    <row r="3949" spans="1:12" s="17" customFormat="1" ht="27" customHeight="1" x14ac:dyDescent="0.15">
      <c r="A3949" s="13"/>
      <c r="B3949" s="14"/>
      <c r="C3949" s="13"/>
      <c r="D3949" s="14"/>
      <c r="E3949" s="14"/>
      <c r="F3949" s="16"/>
      <c r="G3949" s="2"/>
      <c r="H3949" s="2"/>
      <c r="I3949" s="2"/>
      <c r="J3949" s="2"/>
      <c r="K3949" s="2"/>
      <c r="L3949" s="2"/>
    </row>
    <row r="3950" spans="1:12" s="17" customFormat="1" ht="27" customHeight="1" x14ac:dyDescent="0.15">
      <c r="A3950" s="13"/>
      <c r="B3950" s="14"/>
      <c r="C3950" s="13"/>
      <c r="D3950" s="14"/>
      <c r="E3950" s="14"/>
      <c r="F3950" s="16"/>
      <c r="G3950" s="2"/>
      <c r="H3950" s="2"/>
      <c r="I3950" s="2"/>
      <c r="J3950" s="2"/>
      <c r="K3950" s="2"/>
      <c r="L3950" s="2"/>
    </row>
    <row r="3951" spans="1:12" s="17" customFormat="1" ht="27" customHeight="1" x14ac:dyDescent="0.15">
      <c r="A3951" s="13"/>
      <c r="B3951" s="14"/>
      <c r="C3951" s="13"/>
      <c r="D3951" s="14"/>
      <c r="E3951" s="14"/>
      <c r="F3951" s="16"/>
      <c r="G3951" s="2"/>
      <c r="H3951" s="2"/>
      <c r="I3951" s="2"/>
      <c r="J3951" s="2"/>
      <c r="K3951" s="2"/>
      <c r="L3951" s="2"/>
    </row>
    <row r="3952" spans="1:12" s="17" customFormat="1" ht="27" customHeight="1" x14ac:dyDescent="0.15">
      <c r="A3952" s="13"/>
      <c r="B3952" s="14"/>
      <c r="C3952" s="13"/>
      <c r="D3952" s="14"/>
      <c r="E3952" s="14"/>
      <c r="F3952" s="16"/>
      <c r="G3952" s="2"/>
      <c r="H3952" s="2"/>
      <c r="I3952" s="2"/>
      <c r="J3952" s="2"/>
      <c r="K3952" s="2"/>
      <c r="L3952" s="2"/>
    </row>
    <row r="3953" spans="1:12" s="17" customFormat="1" ht="27" customHeight="1" x14ac:dyDescent="0.15">
      <c r="A3953" s="13"/>
      <c r="B3953" s="14"/>
      <c r="C3953" s="13"/>
      <c r="D3953" s="14"/>
      <c r="E3953" s="14"/>
      <c r="F3953" s="16"/>
      <c r="G3953" s="2"/>
      <c r="H3953" s="2"/>
      <c r="I3953" s="2"/>
      <c r="J3953" s="2"/>
      <c r="K3953" s="2"/>
      <c r="L3953" s="2"/>
    </row>
    <row r="3954" spans="1:12" s="17" customFormat="1" ht="27" customHeight="1" x14ac:dyDescent="0.15">
      <c r="A3954" s="13"/>
      <c r="B3954" s="14"/>
      <c r="C3954" s="13"/>
      <c r="D3954" s="14"/>
      <c r="E3954" s="14"/>
      <c r="F3954" s="16"/>
      <c r="G3954" s="2"/>
      <c r="H3954" s="2"/>
      <c r="I3954" s="2"/>
      <c r="J3954" s="2"/>
      <c r="K3954" s="2"/>
      <c r="L3954" s="2"/>
    </row>
    <row r="3955" spans="1:12" s="17" customFormat="1" ht="27" customHeight="1" x14ac:dyDescent="0.15">
      <c r="A3955" s="13"/>
      <c r="B3955" s="14"/>
      <c r="C3955" s="13"/>
      <c r="D3955" s="14"/>
      <c r="E3955" s="14"/>
      <c r="F3955" s="16"/>
      <c r="G3955" s="2"/>
      <c r="H3955" s="2"/>
      <c r="I3955" s="2"/>
      <c r="J3955" s="2"/>
      <c r="K3955" s="2"/>
      <c r="L3955" s="2"/>
    </row>
    <row r="3956" spans="1:12" s="17" customFormat="1" ht="27" customHeight="1" x14ac:dyDescent="0.15">
      <c r="A3956" s="13"/>
      <c r="B3956" s="14"/>
      <c r="C3956" s="13"/>
      <c r="D3956" s="14"/>
      <c r="E3956" s="14"/>
      <c r="F3956" s="16"/>
      <c r="G3956" s="2"/>
      <c r="H3956" s="2"/>
      <c r="I3956" s="2"/>
      <c r="J3956" s="2"/>
      <c r="K3956" s="2"/>
      <c r="L3956" s="2"/>
    </row>
    <row r="3957" spans="1:12" s="17" customFormat="1" ht="27" customHeight="1" x14ac:dyDescent="0.15">
      <c r="A3957" s="13"/>
      <c r="B3957" s="14"/>
      <c r="C3957" s="13"/>
      <c r="D3957" s="14"/>
      <c r="E3957" s="14"/>
      <c r="F3957" s="16"/>
      <c r="G3957" s="2"/>
      <c r="H3957" s="2"/>
      <c r="I3957" s="2"/>
      <c r="J3957" s="2"/>
      <c r="K3957" s="2"/>
      <c r="L3957" s="2"/>
    </row>
    <row r="3958" spans="1:12" s="17" customFormat="1" ht="27" customHeight="1" x14ac:dyDescent="0.15">
      <c r="A3958" s="13"/>
      <c r="B3958" s="14"/>
      <c r="C3958" s="13"/>
      <c r="D3958" s="14"/>
      <c r="E3958" s="14"/>
      <c r="F3958" s="16"/>
      <c r="G3958" s="2"/>
      <c r="H3958" s="2"/>
      <c r="I3958" s="2"/>
      <c r="J3958" s="2"/>
      <c r="K3958" s="2"/>
      <c r="L3958" s="2"/>
    </row>
    <row r="3959" spans="1:12" s="17" customFormat="1" ht="27" customHeight="1" x14ac:dyDescent="0.15">
      <c r="A3959" s="13"/>
      <c r="B3959" s="14"/>
      <c r="C3959" s="13"/>
      <c r="D3959" s="14"/>
      <c r="E3959" s="14"/>
      <c r="F3959" s="16"/>
      <c r="G3959" s="2"/>
      <c r="H3959" s="2"/>
      <c r="I3959" s="2"/>
      <c r="J3959" s="2"/>
      <c r="K3959" s="2"/>
      <c r="L3959" s="2"/>
    </row>
    <row r="3960" spans="1:12" s="17" customFormat="1" ht="27" customHeight="1" x14ac:dyDescent="0.15">
      <c r="A3960" s="13"/>
      <c r="B3960" s="14"/>
      <c r="C3960" s="13"/>
      <c r="D3960" s="14"/>
      <c r="E3960" s="14"/>
      <c r="F3960" s="16"/>
      <c r="G3960" s="2"/>
      <c r="H3960" s="2"/>
      <c r="I3960" s="2"/>
      <c r="J3960" s="2"/>
      <c r="K3960" s="2"/>
      <c r="L3960" s="2"/>
    </row>
    <row r="3961" spans="1:12" s="17" customFormat="1" ht="27" customHeight="1" x14ac:dyDescent="0.15">
      <c r="A3961" s="13"/>
      <c r="B3961" s="14"/>
      <c r="C3961" s="13"/>
      <c r="D3961" s="14"/>
      <c r="E3961" s="14"/>
      <c r="F3961" s="16"/>
      <c r="G3961" s="2"/>
      <c r="H3961" s="2"/>
      <c r="I3961" s="2"/>
      <c r="J3961" s="2"/>
      <c r="K3961" s="2"/>
      <c r="L3961" s="2"/>
    </row>
    <row r="3962" spans="1:12" s="17" customFormat="1" ht="27" customHeight="1" x14ac:dyDescent="0.15">
      <c r="A3962" s="13"/>
      <c r="B3962" s="14"/>
      <c r="C3962" s="13"/>
      <c r="D3962" s="14"/>
      <c r="E3962" s="14"/>
      <c r="F3962" s="16"/>
      <c r="G3962" s="2"/>
      <c r="H3962" s="2"/>
      <c r="I3962" s="2"/>
      <c r="J3962" s="2"/>
      <c r="K3962" s="2"/>
      <c r="L3962" s="2"/>
    </row>
    <row r="3963" spans="1:12" s="17" customFormat="1" ht="27" customHeight="1" x14ac:dyDescent="0.15">
      <c r="A3963" s="13"/>
      <c r="B3963" s="14"/>
      <c r="C3963" s="13"/>
      <c r="D3963" s="14"/>
      <c r="E3963" s="14"/>
      <c r="F3963" s="16"/>
      <c r="G3963" s="2"/>
      <c r="H3963" s="2"/>
      <c r="I3963" s="2"/>
      <c r="J3963" s="2"/>
      <c r="K3963" s="2"/>
      <c r="L3963" s="2"/>
    </row>
    <row r="3964" spans="1:12" s="17" customFormat="1" ht="27" customHeight="1" x14ac:dyDescent="0.15">
      <c r="A3964" s="13"/>
      <c r="B3964" s="14"/>
      <c r="C3964" s="13"/>
      <c r="D3964" s="14"/>
      <c r="E3964" s="14"/>
      <c r="F3964" s="16"/>
      <c r="G3964" s="2"/>
      <c r="H3964" s="2"/>
      <c r="I3964" s="2"/>
      <c r="J3964" s="2"/>
      <c r="K3964" s="2"/>
      <c r="L3964" s="2"/>
    </row>
    <row r="3965" spans="1:12" s="17" customFormat="1" ht="27" customHeight="1" x14ac:dyDescent="0.15">
      <c r="A3965" s="13"/>
      <c r="B3965" s="14"/>
      <c r="C3965" s="13"/>
      <c r="D3965" s="14"/>
      <c r="E3965" s="14"/>
      <c r="F3965" s="16"/>
      <c r="G3965" s="2"/>
      <c r="H3965" s="2"/>
      <c r="I3965" s="2"/>
      <c r="J3965" s="2"/>
      <c r="K3965" s="2"/>
      <c r="L3965" s="2"/>
    </row>
    <row r="3966" spans="1:12" s="17" customFormat="1" ht="27" customHeight="1" x14ac:dyDescent="0.15">
      <c r="A3966" s="13"/>
      <c r="B3966" s="14"/>
      <c r="C3966" s="13"/>
      <c r="D3966" s="14"/>
      <c r="E3966" s="14"/>
      <c r="F3966" s="16"/>
      <c r="G3966" s="2"/>
      <c r="H3966" s="2"/>
      <c r="I3966" s="2"/>
      <c r="J3966" s="2"/>
      <c r="K3966" s="2"/>
      <c r="L3966" s="2"/>
    </row>
    <row r="3967" spans="1:12" s="17" customFormat="1" ht="27" customHeight="1" x14ac:dyDescent="0.15">
      <c r="A3967" s="13"/>
      <c r="B3967" s="14"/>
      <c r="C3967" s="13"/>
      <c r="D3967" s="14"/>
      <c r="E3967" s="14"/>
      <c r="F3967" s="16"/>
      <c r="G3967" s="2"/>
      <c r="H3967" s="2"/>
      <c r="I3967" s="2"/>
      <c r="J3967" s="2"/>
      <c r="K3967" s="2"/>
      <c r="L3967" s="2"/>
    </row>
    <row r="3968" spans="1:12" s="17" customFormat="1" ht="27" customHeight="1" x14ac:dyDescent="0.15">
      <c r="A3968" s="13"/>
      <c r="B3968" s="14"/>
      <c r="C3968" s="13"/>
      <c r="D3968" s="14"/>
      <c r="E3968" s="14"/>
      <c r="F3968" s="16"/>
      <c r="G3968" s="2"/>
      <c r="H3968" s="2"/>
      <c r="I3968" s="2"/>
      <c r="J3968" s="2"/>
      <c r="K3968" s="2"/>
      <c r="L3968" s="2"/>
    </row>
    <row r="3969" spans="1:12" s="17" customFormat="1" ht="27" customHeight="1" x14ac:dyDescent="0.15">
      <c r="A3969" s="13"/>
      <c r="B3969" s="14"/>
      <c r="C3969" s="13"/>
      <c r="D3969" s="14"/>
      <c r="E3969" s="14"/>
      <c r="F3969" s="16"/>
      <c r="G3969" s="2"/>
      <c r="H3969" s="2"/>
      <c r="I3969" s="2"/>
      <c r="J3969" s="2"/>
      <c r="K3969" s="2"/>
      <c r="L3969" s="2"/>
    </row>
    <row r="3970" spans="1:12" s="17" customFormat="1" ht="27" customHeight="1" x14ac:dyDescent="0.15">
      <c r="A3970" s="13"/>
      <c r="B3970" s="14"/>
      <c r="C3970" s="13"/>
      <c r="D3970" s="14"/>
      <c r="E3970" s="14"/>
      <c r="F3970" s="16"/>
      <c r="G3970" s="2"/>
      <c r="H3970" s="2"/>
      <c r="I3970" s="2"/>
      <c r="J3970" s="2"/>
      <c r="K3970" s="2"/>
      <c r="L3970" s="2"/>
    </row>
    <row r="3971" spans="1:12" s="17" customFormat="1" ht="27" customHeight="1" x14ac:dyDescent="0.15">
      <c r="A3971" s="13"/>
      <c r="B3971" s="14"/>
      <c r="C3971" s="13"/>
      <c r="D3971" s="14"/>
      <c r="E3971" s="14"/>
      <c r="F3971" s="16"/>
      <c r="G3971" s="2"/>
      <c r="H3971" s="2"/>
      <c r="I3971" s="2"/>
      <c r="J3971" s="2"/>
      <c r="K3971" s="2"/>
      <c r="L3971" s="2"/>
    </row>
    <row r="3972" spans="1:12" s="17" customFormat="1" ht="27" customHeight="1" x14ac:dyDescent="0.15">
      <c r="A3972" s="13"/>
      <c r="B3972" s="14"/>
      <c r="C3972" s="13"/>
      <c r="D3972" s="14"/>
      <c r="E3972" s="14"/>
      <c r="F3972" s="16"/>
      <c r="G3972" s="2"/>
      <c r="H3972" s="2"/>
      <c r="I3972" s="2"/>
      <c r="J3972" s="2"/>
      <c r="K3972" s="2"/>
      <c r="L3972" s="2"/>
    </row>
    <row r="3973" spans="1:12" s="17" customFormat="1" ht="27" customHeight="1" x14ac:dyDescent="0.15">
      <c r="A3973" s="13"/>
      <c r="B3973" s="14"/>
      <c r="C3973" s="13"/>
      <c r="D3973" s="14"/>
      <c r="E3973" s="14"/>
      <c r="F3973" s="16"/>
      <c r="G3973" s="2"/>
      <c r="H3973" s="2"/>
      <c r="I3973" s="2"/>
      <c r="J3973" s="2"/>
      <c r="K3973" s="2"/>
      <c r="L3973" s="2"/>
    </row>
    <row r="3974" spans="1:12" s="17" customFormat="1" ht="27" customHeight="1" x14ac:dyDescent="0.15">
      <c r="A3974" s="13"/>
      <c r="B3974" s="14"/>
      <c r="C3974" s="13"/>
      <c r="D3974" s="14"/>
      <c r="E3974" s="14"/>
      <c r="F3974" s="16"/>
      <c r="G3974" s="2"/>
      <c r="H3974" s="2"/>
      <c r="I3974" s="2"/>
      <c r="J3974" s="2"/>
      <c r="K3974" s="2"/>
      <c r="L3974" s="2"/>
    </row>
    <row r="3975" spans="1:12" s="17" customFormat="1" ht="27" customHeight="1" x14ac:dyDescent="0.15">
      <c r="A3975" s="13"/>
      <c r="B3975" s="14"/>
      <c r="C3975" s="13"/>
      <c r="D3975" s="14"/>
      <c r="E3975" s="14"/>
      <c r="F3975" s="16"/>
      <c r="G3975" s="2"/>
      <c r="H3975" s="2"/>
      <c r="I3975" s="2"/>
      <c r="J3975" s="2"/>
      <c r="K3975" s="2"/>
      <c r="L3975" s="2"/>
    </row>
    <row r="3976" spans="1:12" s="17" customFormat="1" ht="27" customHeight="1" x14ac:dyDescent="0.15">
      <c r="A3976" s="13"/>
      <c r="B3976" s="14"/>
      <c r="C3976" s="13"/>
      <c r="D3976" s="14"/>
      <c r="E3976" s="14"/>
      <c r="F3976" s="16"/>
      <c r="G3976" s="2"/>
      <c r="H3976" s="2"/>
      <c r="I3976" s="2"/>
      <c r="J3976" s="2"/>
      <c r="K3976" s="2"/>
      <c r="L3976" s="2"/>
    </row>
    <row r="3977" spans="1:12" s="17" customFormat="1" ht="27" customHeight="1" x14ac:dyDescent="0.15">
      <c r="A3977" s="13"/>
      <c r="B3977" s="14"/>
      <c r="C3977" s="13"/>
      <c r="D3977" s="14"/>
      <c r="E3977" s="14"/>
      <c r="F3977" s="16"/>
      <c r="G3977" s="2"/>
      <c r="H3977" s="2"/>
      <c r="I3977" s="2"/>
      <c r="J3977" s="2"/>
      <c r="K3977" s="2"/>
      <c r="L3977" s="2"/>
    </row>
    <row r="3978" spans="1:12" s="17" customFormat="1" ht="27" customHeight="1" x14ac:dyDescent="0.15">
      <c r="A3978" s="13"/>
      <c r="B3978" s="14"/>
      <c r="C3978" s="13"/>
      <c r="D3978" s="14"/>
      <c r="E3978" s="14"/>
      <c r="F3978" s="16"/>
      <c r="G3978" s="2"/>
      <c r="H3978" s="2"/>
      <c r="I3978" s="2"/>
      <c r="J3978" s="2"/>
      <c r="K3978" s="2"/>
      <c r="L3978" s="2"/>
    </row>
    <row r="3979" spans="1:12" s="17" customFormat="1" ht="27" customHeight="1" x14ac:dyDescent="0.15">
      <c r="A3979" s="13"/>
      <c r="B3979" s="14"/>
      <c r="C3979" s="13"/>
      <c r="D3979" s="14"/>
      <c r="E3979" s="14"/>
      <c r="F3979" s="16"/>
      <c r="G3979" s="2"/>
      <c r="H3979" s="2"/>
      <c r="I3979" s="2"/>
      <c r="J3979" s="2"/>
      <c r="K3979" s="2"/>
      <c r="L3979" s="2"/>
    </row>
    <row r="3980" spans="1:12" s="17" customFormat="1" ht="27" customHeight="1" x14ac:dyDescent="0.15">
      <c r="A3980" s="13"/>
      <c r="B3980" s="14"/>
      <c r="C3980" s="13"/>
      <c r="D3980" s="14"/>
      <c r="E3980" s="14"/>
      <c r="F3980" s="16"/>
      <c r="G3980" s="2"/>
      <c r="H3980" s="2"/>
      <c r="I3980" s="2"/>
      <c r="J3980" s="2"/>
      <c r="K3980" s="2"/>
      <c r="L3980" s="2"/>
    </row>
    <row r="3981" spans="1:12" s="17" customFormat="1" ht="27" customHeight="1" x14ac:dyDescent="0.15">
      <c r="A3981" s="13"/>
      <c r="B3981" s="14"/>
      <c r="C3981" s="13"/>
      <c r="D3981" s="14"/>
      <c r="E3981" s="14"/>
      <c r="F3981" s="16"/>
      <c r="G3981" s="2"/>
      <c r="H3981" s="2"/>
      <c r="I3981" s="2"/>
      <c r="J3981" s="2"/>
      <c r="K3981" s="2"/>
      <c r="L3981" s="2"/>
    </row>
    <row r="3982" spans="1:12" s="17" customFormat="1" ht="27" customHeight="1" x14ac:dyDescent="0.15">
      <c r="A3982" s="13"/>
      <c r="B3982" s="14"/>
      <c r="C3982" s="13"/>
      <c r="D3982" s="14"/>
      <c r="E3982" s="14"/>
      <c r="F3982" s="16"/>
      <c r="G3982" s="2"/>
      <c r="H3982" s="2"/>
      <c r="I3982" s="2"/>
      <c r="J3982" s="2"/>
      <c r="K3982" s="2"/>
      <c r="L3982" s="2"/>
    </row>
    <row r="3983" spans="1:12" s="17" customFormat="1" ht="27" customHeight="1" x14ac:dyDescent="0.15">
      <c r="A3983" s="13"/>
      <c r="B3983" s="14"/>
      <c r="C3983" s="13"/>
      <c r="D3983" s="14"/>
      <c r="E3983" s="14"/>
      <c r="F3983" s="16"/>
      <c r="G3983" s="2"/>
      <c r="H3983" s="2"/>
      <c r="I3983" s="2"/>
      <c r="J3983" s="2"/>
      <c r="K3983" s="2"/>
      <c r="L3983" s="2"/>
    </row>
    <row r="3984" spans="1:12" s="17" customFormat="1" ht="27" customHeight="1" x14ac:dyDescent="0.15">
      <c r="A3984" s="13"/>
      <c r="B3984" s="14"/>
      <c r="C3984" s="13"/>
      <c r="D3984" s="14"/>
      <c r="E3984" s="14"/>
      <c r="F3984" s="16"/>
      <c r="G3984" s="2"/>
      <c r="H3984" s="2"/>
      <c r="I3984" s="2"/>
      <c r="J3984" s="2"/>
      <c r="K3984" s="2"/>
      <c r="L3984" s="2"/>
    </row>
    <row r="3985" spans="1:12" s="17" customFormat="1" ht="27" customHeight="1" x14ac:dyDescent="0.15">
      <c r="A3985" s="13"/>
      <c r="B3985" s="14"/>
      <c r="C3985" s="13"/>
      <c r="D3985" s="14"/>
      <c r="E3985" s="14"/>
      <c r="F3985" s="16"/>
      <c r="G3985" s="2"/>
      <c r="H3985" s="2"/>
      <c r="I3985" s="2"/>
      <c r="J3985" s="2"/>
      <c r="K3985" s="2"/>
      <c r="L3985" s="2"/>
    </row>
    <row r="3986" spans="1:12" s="17" customFormat="1" ht="27" customHeight="1" x14ac:dyDescent="0.15">
      <c r="A3986" s="13"/>
      <c r="B3986" s="14"/>
      <c r="C3986" s="13"/>
      <c r="D3986" s="14"/>
      <c r="E3986" s="14"/>
      <c r="F3986" s="16"/>
      <c r="G3986" s="2"/>
      <c r="H3986" s="2"/>
      <c r="I3986" s="2"/>
      <c r="J3986" s="2"/>
      <c r="K3986" s="2"/>
      <c r="L3986" s="2"/>
    </row>
    <row r="3987" spans="1:12" s="17" customFormat="1" ht="27" customHeight="1" x14ac:dyDescent="0.15">
      <c r="A3987" s="13"/>
      <c r="B3987" s="14"/>
      <c r="C3987" s="13"/>
      <c r="D3987" s="14"/>
      <c r="E3987" s="14"/>
      <c r="F3987" s="16"/>
      <c r="G3987" s="2"/>
      <c r="H3987" s="2"/>
      <c r="I3987" s="2"/>
      <c r="J3987" s="2"/>
      <c r="K3987" s="2"/>
      <c r="L3987" s="2"/>
    </row>
    <row r="3988" spans="1:12" s="17" customFormat="1" ht="27" customHeight="1" x14ac:dyDescent="0.15">
      <c r="A3988" s="13"/>
      <c r="B3988" s="14"/>
      <c r="C3988" s="13"/>
      <c r="D3988" s="14"/>
      <c r="E3988" s="14"/>
      <c r="F3988" s="16"/>
      <c r="G3988" s="2"/>
      <c r="H3988" s="2"/>
      <c r="I3988" s="2"/>
      <c r="J3988" s="2"/>
      <c r="K3988" s="2"/>
      <c r="L3988" s="2"/>
    </row>
    <row r="3989" spans="1:12" s="17" customFormat="1" ht="27" customHeight="1" x14ac:dyDescent="0.15">
      <c r="A3989" s="13"/>
      <c r="B3989" s="14"/>
      <c r="C3989" s="13"/>
      <c r="D3989" s="14"/>
      <c r="E3989" s="14"/>
      <c r="F3989" s="16"/>
      <c r="G3989" s="2"/>
      <c r="H3989" s="2"/>
      <c r="I3989" s="2"/>
      <c r="J3989" s="2"/>
      <c r="K3989" s="2"/>
      <c r="L3989" s="2"/>
    </row>
    <row r="3990" spans="1:12" s="17" customFormat="1" ht="27" customHeight="1" x14ac:dyDescent="0.15">
      <c r="A3990" s="13"/>
      <c r="B3990" s="14"/>
      <c r="C3990" s="13"/>
      <c r="D3990" s="14"/>
      <c r="E3990" s="14"/>
      <c r="F3990" s="16"/>
      <c r="G3990" s="2"/>
      <c r="H3990" s="2"/>
      <c r="I3990" s="2"/>
      <c r="J3990" s="2"/>
      <c r="K3990" s="2"/>
      <c r="L3990" s="2"/>
    </row>
    <row r="3991" spans="1:12" s="17" customFormat="1" ht="27" customHeight="1" x14ac:dyDescent="0.15">
      <c r="A3991" s="13"/>
      <c r="B3991" s="14"/>
      <c r="C3991" s="13"/>
      <c r="D3991" s="14"/>
      <c r="E3991" s="14"/>
      <c r="F3991" s="16"/>
      <c r="G3991" s="2"/>
      <c r="H3991" s="2"/>
      <c r="I3991" s="2"/>
      <c r="J3991" s="2"/>
      <c r="K3991" s="2"/>
      <c r="L3991" s="2"/>
    </row>
    <row r="3992" spans="1:12" s="17" customFormat="1" ht="27" customHeight="1" x14ac:dyDescent="0.15">
      <c r="A3992" s="13"/>
      <c r="B3992" s="14"/>
      <c r="C3992" s="13"/>
      <c r="D3992" s="14"/>
      <c r="E3992" s="14"/>
      <c r="F3992" s="16"/>
      <c r="G3992" s="2"/>
      <c r="H3992" s="2"/>
      <c r="I3992" s="2"/>
      <c r="J3992" s="2"/>
      <c r="K3992" s="2"/>
      <c r="L3992" s="2"/>
    </row>
    <row r="3993" spans="1:12" s="17" customFormat="1" ht="27" customHeight="1" x14ac:dyDescent="0.15">
      <c r="A3993" s="13"/>
      <c r="B3993" s="14"/>
      <c r="C3993" s="13"/>
      <c r="D3993" s="14"/>
      <c r="E3993" s="14"/>
      <c r="F3993" s="16"/>
      <c r="G3993" s="2"/>
      <c r="H3993" s="2"/>
      <c r="I3993" s="2"/>
      <c r="J3993" s="2"/>
      <c r="K3993" s="2"/>
      <c r="L3993" s="2"/>
    </row>
    <row r="3994" spans="1:12" s="17" customFormat="1" ht="27" customHeight="1" x14ac:dyDescent="0.15">
      <c r="A3994" s="13"/>
      <c r="B3994" s="14"/>
      <c r="C3994" s="13"/>
      <c r="D3994" s="14"/>
      <c r="E3994" s="14"/>
      <c r="F3994" s="16"/>
      <c r="G3994" s="2"/>
      <c r="H3994" s="2"/>
      <c r="I3994" s="2"/>
      <c r="J3994" s="2"/>
      <c r="K3994" s="2"/>
      <c r="L3994" s="2"/>
    </row>
    <row r="3995" spans="1:12" s="17" customFormat="1" ht="27" customHeight="1" x14ac:dyDescent="0.15">
      <c r="A3995" s="13"/>
      <c r="B3995" s="14"/>
      <c r="C3995" s="13"/>
      <c r="D3995" s="14"/>
      <c r="E3995" s="14"/>
      <c r="F3995" s="16"/>
      <c r="G3995" s="2"/>
      <c r="H3995" s="2"/>
      <c r="I3995" s="2"/>
      <c r="J3995" s="2"/>
      <c r="K3995" s="2"/>
      <c r="L3995" s="2"/>
    </row>
    <row r="3996" spans="1:12" s="17" customFormat="1" ht="27" customHeight="1" x14ac:dyDescent="0.15">
      <c r="A3996" s="13"/>
      <c r="B3996" s="14"/>
      <c r="C3996" s="13"/>
      <c r="D3996" s="14"/>
      <c r="E3996" s="14"/>
      <c r="F3996" s="16"/>
      <c r="G3996" s="2"/>
      <c r="H3996" s="2"/>
      <c r="I3996" s="2"/>
      <c r="J3996" s="2"/>
      <c r="K3996" s="2"/>
      <c r="L3996" s="2"/>
    </row>
    <row r="3997" spans="1:12" s="17" customFormat="1" ht="27" customHeight="1" x14ac:dyDescent="0.15">
      <c r="A3997" s="13"/>
      <c r="B3997" s="14"/>
      <c r="C3997" s="13"/>
      <c r="D3997" s="14"/>
      <c r="E3997" s="14"/>
      <c r="F3997" s="16"/>
      <c r="G3997" s="2"/>
      <c r="H3997" s="2"/>
      <c r="I3997" s="2"/>
      <c r="J3997" s="2"/>
      <c r="K3997" s="2"/>
      <c r="L3997" s="2"/>
    </row>
    <row r="3998" spans="1:12" s="17" customFormat="1" ht="27" customHeight="1" x14ac:dyDescent="0.15">
      <c r="A3998" s="13"/>
      <c r="B3998" s="14"/>
      <c r="C3998" s="13"/>
      <c r="D3998" s="14"/>
      <c r="E3998" s="14"/>
      <c r="F3998" s="16"/>
      <c r="G3998" s="2"/>
      <c r="H3998" s="2"/>
      <c r="I3998" s="2"/>
      <c r="J3998" s="2"/>
      <c r="K3998" s="2"/>
      <c r="L3998" s="2"/>
    </row>
    <row r="3999" spans="1:12" s="17" customFormat="1" ht="27" customHeight="1" x14ac:dyDescent="0.15">
      <c r="A3999" s="13"/>
      <c r="B3999" s="14"/>
      <c r="C3999" s="13"/>
      <c r="D3999" s="14"/>
      <c r="E3999" s="14"/>
      <c r="F3999" s="16"/>
      <c r="G3999" s="2"/>
      <c r="H3999" s="2"/>
      <c r="I3999" s="2"/>
      <c r="J3999" s="2"/>
      <c r="K3999" s="2"/>
      <c r="L3999" s="2"/>
    </row>
    <row r="4000" spans="1:12" s="17" customFormat="1" ht="27" customHeight="1" x14ac:dyDescent="0.15">
      <c r="A4000" s="13"/>
      <c r="B4000" s="14"/>
      <c r="C4000" s="13"/>
      <c r="D4000" s="14"/>
      <c r="E4000" s="14"/>
      <c r="F4000" s="16"/>
      <c r="G4000" s="2"/>
      <c r="H4000" s="2"/>
      <c r="I4000" s="2"/>
      <c r="J4000" s="2"/>
      <c r="K4000" s="2"/>
      <c r="L4000" s="2"/>
    </row>
    <row r="4001" spans="1:12" s="17" customFormat="1" ht="27" customHeight="1" x14ac:dyDescent="0.15">
      <c r="A4001" s="13"/>
      <c r="B4001" s="14"/>
      <c r="C4001" s="13"/>
      <c r="D4001" s="14"/>
      <c r="E4001" s="14"/>
      <c r="F4001" s="16"/>
      <c r="G4001" s="2"/>
      <c r="H4001" s="2"/>
      <c r="I4001" s="2"/>
      <c r="J4001" s="2"/>
      <c r="K4001" s="2"/>
      <c r="L4001" s="2"/>
    </row>
    <row r="4002" spans="1:12" s="17" customFormat="1" ht="27" customHeight="1" x14ac:dyDescent="0.15">
      <c r="A4002" s="13"/>
      <c r="B4002" s="14"/>
      <c r="C4002" s="13"/>
      <c r="D4002" s="14"/>
      <c r="E4002" s="14"/>
      <c r="F4002" s="16"/>
      <c r="G4002" s="2"/>
      <c r="H4002" s="2"/>
      <c r="I4002" s="2"/>
      <c r="J4002" s="2"/>
      <c r="K4002" s="2"/>
      <c r="L4002" s="2"/>
    </row>
    <row r="4003" spans="1:12" s="17" customFormat="1" ht="27" customHeight="1" x14ac:dyDescent="0.15">
      <c r="A4003" s="13"/>
      <c r="B4003" s="14"/>
      <c r="C4003" s="13"/>
      <c r="D4003" s="14"/>
      <c r="E4003" s="14"/>
      <c r="F4003" s="16"/>
      <c r="G4003" s="2"/>
      <c r="H4003" s="2"/>
      <c r="I4003" s="2"/>
      <c r="J4003" s="2"/>
      <c r="K4003" s="2"/>
      <c r="L4003" s="2"/>
    </row>
    <row r="4004" spans="1:12" s="17" customFormat="1" ht="27" customHeight="1" x14ac:dyDescent="0.15">
      <c r="A4004" s="13"/>
      <c r="B4004" s="14"/>
      <c r="C4004" s="13"/>
      <c r="D4004" s="14"/>
      <c r="E4004" s="14"/>
      <c r="F4004" s="16"/>
      <c r="G4004" s="2"/>
      <c r="H4004" s="2"/>
      <c r="I4004" s="2"/>
      <c r="J4004" s="2"/>
      <c r="K4004" s="2"/>
      <c r="L4004" s="2"/>
    </row>
    <row r="4005" spans="1:12" s="17" customFormat="1" ht="27" customHeight="1" x14ac:dyDescent="0.15">
      <c r="A4005" s="13"/>
      <c r="B4005" s="14"/>
      <c r="C4005" s="13"/>
      <c r="D4005" s="14"/>
      <c r="E4005" s="14"/>
      <c r="F4005" s="16"/>
      <c r="G4005" s="2"/>
      <c r="H4005" s="2"/>
      <c r="I4005" s="2"/>
      <c r="J4005" s="2"/>
      <c r="K4005" s="2"/>
      <c r="L4005" s="2"/>
    </row>
    <row r="4006" spans="1:12" s="17" customFormat="1" ht="27" customHeight="1" x14ac:dyDescent="0.15">
      <c r="A4006" s="13"/>
      <c r="B4006" s="14"/>
      <c r="C4006" s="13"/>
      <c r="D4006" s="14"/>
      <c r="E4006" s="14"/>
      <c r="F4006" s="16"/>
      <c r="G4006" s="2"/>
      <c r="H4006" s="2"/>
      <c r="I4006" s="2"/>
      <c r="J4006" s="2"/>
      <c r="K4006" s="2"/>
      <c r="L4006" s="2"/>
    </row>
    <row r="4007" spans="1:12" s="17" customFormat="1" ht="27" customHeight="1" x14ac:dyDescent="0.15">
      <c r="A4007" s="13"/>
      <c r="B4007" s="14"/>
      <c r="C4007" s="13"/>
      <c r="D4007" s="14"/>
      <c r="E4007" s="14"/>
      <c r="F4007" s="16"/>
      <c r="G4007" s="2"/>
      <c r="H4007" s="2"/>
      <c r="I4007" s="2"/>
      <c r="J4007" s="2"/>
      <c r="K4007" s="2"/>
      <c r="L4007" s="2"/>
    </row>
    <row r="4008" spans="1:12" s="17" customFormat="1" ht="27" customHeight="1" x14ac:dyDescent="0.15">
      <c r="A4008" s="13"/>
      <c r="B4008" s="14"/>
      <c r="C4008" s="13"/>
      <c r="D4008" s="14"/>
      <c r="E4008" s="14"/>
      <c r="F4008" s="16"/>
      <c r="G4008" s="2"/>
      <c r="H4008" s="2"/>
      <c r="I4008" s="2"/>
      <c r="J4008" s="2"/>
      <c r="K4008" s="2"/>
      <c r="L4008" s="2"/>
    </row>
    <row r="4009" spans="1:12" s="17" customFormat="1" ht="27" customHeight="1" x14ac:dyDescent="0.15">
      <c r="A4009" s="13"/>
      <c r="B4009" s="14"/>
      <c r="C4009" s="13"/>
      <c r="D4009" s="14"/>
      <c r="E4009" s="14"/>
      <c r="F4009" s="16"/>
      <c r="G4009" s="2"/>
      <c r="H4009" s="2"/>
      <c r="I4009" s="2"/>
      <c r="J4009" s="2"/>
      <c r="K4009" s="2"/>
      <c r="L4009" s="2"/>
    </row>
    <row r="4010" spans="1:12" s="17" customFormat="1" ht="27" customHeight="1" x14ac:dyDescent="0.15">
      <c r="A4010" s="13"/>
      <c r="B4010" s="14"/>
      <c r="C4010" s="13"/>
      <c r="D4010" s="14"/>
      <c r="E4010" s="14"/>
      <c r="F4010" s="16"/>
      <c r="G4010" s="2"/>
      <c r="H4010" s="2"/>
      <c r="I4010" s="2"/>
      <c r="J4010" s="2"/>
      <c r="K4010" s="2"/>
      <c r="L4010" s="2"/>
    </row>
    <row r="4011" spans="1:12" s="17" customFormat="1" ht="27" customHeight="1" x14ac:dyDescent="0.15">
      <c r="A4011" s="13"/>
      <c r="B4011" s="14"/>
      <c r="C4011" s="13"/>
      <c r="D4011" s="14"/>
      <c r="E4011" s="14"/>
      <c r="F4011" s="16"/>
      <c r="G4011" s="2"/>
      <c r="H4011" s="2"/>
      <c r="I4011" s="2"/>
      <c r="J4011" s="2"/>
      <c r="K4011" s="2"/>
      <c r="L4011" s="2"/>
    </row>
    <row r="4012" spans="1:12" s="17" customFormat="1" ht="27" customHeight="1" x14ac:dyDescent="0.15">
      <c r="A4012" s="13"/>
      <c r="B4012" s="14"/>
      <c r="C4012" s="13"/>
      <c r="D4012" s="14"/>
      <c r="E4012" s="14"/>
      <c r="F4012" s="16"/>
      <c r="G4012" s="2"/>
      <c r="H4012" s="2"/>
      <c r="I4012" s="2"/>
      <c r="J4012" s="2"/>
      <c r="K4012" s="2"/>
      <c r="L4012" s="2"/>
    </row>
    <row r="4013" spans="1:12" s="17" customFormat="1" ht="27" customHeight="1" x14ac:dyDescent="0.15">
      <c r="A4013" s="13"/>
      <c r="B4013" s="14"/>
      <c r="C4013" s="13"/>
      <c r="D4013" s="14"/>
      <c r="E4013" s="14"/>
      <c r="F4013" s="16"/>
      <c r="G4013" s="2"/>
      <c r="H4013" s="2"/>
      <c r="I4013" s="2"/>
      <c r="J4013" s="2"/>
      <c r="K4013" s="2"/>
      <c r="L4013" s="2"/>
    </row>
    <row r="4014" spans="1:12" s="17" customFormat="1" ht="27" customHeight="1" x14ac:dyDescent="0.15">
      <c r="A4014" s="13"/>
      <c r="B4014" s="14"/>
      <c r="C4014" s="13"/>
      <c r="D4014" s="14"/>
      <c r="E4014" s="14"/>
      <c r="F4014" s="16"/>
      <c r="G4014" s="2"/>
      <c r="H4014" s="2"/>
      <c r="I4014" s="2"/>
      <c r="J4014" s="2"/>
      <c r="K4014" s="2"/>
      <c r="L4014" s="2"/>
    </row>
    <row r="4015" spans="1:12" s="17" customFormat="1" ht="27" customHeight="1" x14ac:dyDescent="0.15">
      <c r="A4015" s="13"/>
      <c r="B4015" s="14"/>
      <c r="C4015" s="13"/>
      <c r="D4015" s="14"/>
      <c r="E4015" s="14"/>
      <c r="F4015" s="16"/>
      <c r="G4015" s="2"/>
      <c r="H4015" s="2"/>
      <c r="I4015" s="2"/>
      <c r="J4015" s="2"/>
      <c r="K4015" s="2"/>
      <c r="L4015" s="2"/>
    </row>
    <row r="4016" spans="1:12" s="17" customFormat="1" ht="27" customHeight="1" x14ac:dyDescent="0.15">
      <c r="A4016" s="13"/>
      <c r="B4016" s="14"/>
      <c r="C4016" s="13"/>
      <c r="D4016" s="14"/>
      <c r="E4016" s="14"/>
      <c r="F4016" s="16"/>
      <c r="G4016" s="2"/>
      <c r="H4016" s="2"/>
      <c r="I4016" s="2"/>
      <c r="J4016" s="2"/>
      <c r="K4016" s="2"/>
      <c r="L4016" s="2"/>
    </row>
    <row r="4017" spans="1:12" s="17" customFormat="1" ht="27" customHeight="1" x14ac:dyDescent="0.15">
      <c r="A4017" s="13"/>
      <c r="B4017" s="14"/>
      <c r="C4017" s="13"/>
      <c r="D4017" s="14"/>
      <c r="E4017" s="14"/>
      <c r="F4017" s="16"/>
      <c r="G4017" s="2"/>
      <c r="H4017" s="2"/>
      <c r="I4017" s="2"/>
      <c r="J4017" s="2"/>
      <c r="K4017" s="2"/>
      <c r="L4017" s="2"/>
    </row>
    <row r="4018" spans="1:12" s="17" customFormat="1" ht="27" customHeight="1" x14ac:dyDescent="0.15">
      <c r="A4018" s="13"/>
      <c r="B4018" s="14"/>
      <c r="C4018" s="13"/>
      <c r="D4018" s="14"/>
      <c r="E4018" s="14"/>
      <c r="F4018" s="16"/>
      <c r="G4018" s="2"/>
      <c r="H4018" s="2"/>
      <c r="I4018" s="2"/>
      <c r="J4018" s="2"/>
      <c r="K4018" s="2"/>
      <c r="L4018" s="2"/>
    </row>
    <row r="4019" spans="1:12" s="17" customFormat="1" ht="27" customHeight="1" x14ac:dyDescent="0.15">
      <c r="A4019" s="13"/>
      <c r="B4019" s="14"/>
      <c r="C4019" s="13"/>
      <c r="D4019" s="14"/>
      <c r="E4019" s="14"/>
      <c r="F4019" s="16"/>
      <c r="G4019" s="2"/>
      <c r="H4019" s="2"/>
      <c r="I4019" s="2"/>
      <c r="J4019" s="2"/>
      <c r="K4019" s="2"/>
      <c r="L4019" s="2"/>
    </row>
    <row r="4020" spans="1:12" s="17" customFormat="1" ht="27" customHeight="1" x14ac:dyDescent="0.15">
      <c r="A4020" s="13"/>
      <c r="B4020" s="14"/>
      <c r="C4020" s="13"/>
      <c r="D4020" s="14"/>
      <c r="E4020" s="14"/>
      <c r="F4020" s="16"/>
      <c r="G4020" s="2"/>
      <c r="H4020" s="2"/>
      <c r="I4020" s="2"/>
      <c r="J4020" s="2"/>
      <c r="K4020" s="2"/>
      <c r="L4020" s="2"/>
    </row>
    <row r="4021" spans="1:12" s="17" customFormat="1" ht="27" customHeight="1" x14ac:dyDescent="0.15">
      <c r="A4021" s="13"/>
      <c r="B4021" s="14"/>
      <c r="C4021" s="13"/>
      <c r="D4021" s="14"/>
      <c r="E4021" s="14"/>
      <c r="F4021" s="16"/>
      <c r="G4021" s="2"/>
      <c r="H4021" s="2"/>
      <c r="I4021" s="2"/>
      <c r="J4021" s="2"/>
      <c r="K4021" s="2"/>
      <c r="L4021" s="2"/>
    </row>
    <row r="4022" spans="1:12" s="17" customFormat="1" ht="27" customHeight="1" x14ac:dyDescent="0.15">
      <c r="A4022" s="13"/>
      <c r="B4022" s="14"/>
      <c r="C4022" s="13"/>
      <c r="D4022" s="14"/>
      <c r="E4022" s="14"/>
      <c r="F4022" s="16"/>
      <c r="G4022" s="2"/>
      <c r="H4022" s="2"/>
      <c r="I4022" s="2"/>
      <c r="J4022" s="2"/>
      <c r="K4022" s="2"/>
      <c r="L4022" s="2"/>
    </row>
    <row r="4023" spans="1:12" s="17" customFormat="1" ht="27" customHeight="1" x14ac:dyDescent="0.15">
      <c r="A4023" s="13"/>
      <c r="B4023" s="14"/>
      <c r="C4023" s="13"/>
      <c r="D4023" s="14"/>
      <c r="E4023" s="14"/>
      <c r="F4023" s="16"/>
      <c r="G4023" s="2"/>
      <c r="H4023" s="2"/>
      <c r="I4023" s="2"/>
      <c r="J4023" s="2"/>
      <c r="K4023" s="2"/>
      <c r="L4023" s="2"/>
    </row>
    <row r="4024" spans="1:12" s="17" customFormat="1" ht="27" customHeight="1" x14ac:dyDescent="0.15">
      <c r="A4024" s="13"/>
      <c r="B4024" s="14"/>
      <c r="C4024" s="13"/>
      <c r="D4024" s="14"/>
      <c r="E4024" s="14"/>
      <c r="F4024" s="16"/>
      <c r="G4024" s="2"/>
      <c r="H4024" s="2"/>
      <c r="I4024" s="2"/>
      <c r="J4024" s="2"/>
      <c r="K4024" s="2"/>
      <c r="L4024" s="2"/>
    </row>
    <row r="4025" spans="1:12" s="17" customFormat="1" ht="27" customHeight="1" x14ac:dyDescent="0.15">
      <c r="A4025" s="13"/>
      <c r="B4025" s="14"/>
      <c r="C4025" s="13"/>
      <c r="D4025" s="14"/>
      <c r="E4025" s="14"/>
      <c r="F4025" s="16"/>
      <c r="G4025" s="2"/>
      <c r="H4025" s="2"/>
      <c r="I4025" s="2"/>
      <c r="J4025" s="2"/>
      <c r="K4025" s="2"/>
      <c r="L4025" s="2"/>
    </row>
    <row r="4026" spans="1:12" s="17" customFormat="1" ht="27" customHeight="1" x14ac:dyDescent="0.15">
      <c r="A4026" s="13"/>
      <c r="B4026" s="14"/>
      <c r="C4026" s="13"/>
      <c r="D4026" s="14"/>
      <c r="E4026" s="14"/>
      <c r="F4026" s="16"/>
      <c r="G4026" s="2"/>
      <c r="H4026" s="2"/>
      <c r="I4026" s="2"/>
      <c r="J4026" s="2"/>
      <c r="K4026" s="2"/>
      <c r="L4026" s="2"/>
    </row>
    <row r="4027" spans="1:12" s="17" customFormat="1" ht="27" customHeight="1" x14ac:dyDescent="0.15">
      <c r="A4027" s="13"/>
      <c r="B4027" s="14"/>
      <c r="C4027" s="13"/>
      <c r="D4027" s="14"/>
      <c r="E4027" s="14"/>
      <c r="F4027" s="16"/>
      <c r="G4027" s="2"/>
      <c r="H4027" s="2"/>
      <c r="I4027" s="2"/>
      <c r="J4027" s="2"/>
      <c r="K4027" s="2"/>
      <c r="L4027" s="2"/>
    </row>
    <row r="4028" spans="1:12" s="17" customFormat="1" ht="27" customHeight="1" x14ac:dyDescent="0.15">
      <c r="A4028" s="13"/>
      <c r="B4028" s="14"/>
      <c r="C4028" s="13"/>
      <c r="D4028" s="14"/>
      <c r="E4028" s="14"/>
      <c r="F4028" s="16"/>
      <c r="G4028" s="2"/>
      <c r="H4028" s="2"/>
      <c r="I4028" s="2"/>
      <c r="J4028" s="2"/>
      <c r="K4028" s="2"/>
      <c r="L4028" s="2"/>
    </row>
    <row r="4029" spans="1:12" s="17" customFormat="1" ht="27" customHeight="1" x14ac:dyDescent="0.15">
      <c r="A4029" s="13"/>
      <c r="B4029" s="14"/>
      <c r="C4029" s="13"/>
      <c r="D4029" s="14"/>
      <c r="E4029" s="14"/>
      <c r="F4029" s="16"/>
      <c r="G4029" s="2"/>
      <c r="H4029" s="2"/>
      <c r="I4029" s="2"/>
      <c r="J4029" s="2"/>
      <c r="K4029" s="2"/>
      <c r="L4029" s="2"/>
    </row>
    <row r="4030" spans="1:12" s="17" customFormat="1" ht="27" customHeight="1" x14ac:dyDescent="0.15">
      <c r="A4030" s="13"/>
      <c r="B4030" s="14"/>
      <c r="C4030" s="13"/>
      <c r="D4030" s="14"/>
      <c r="E4030" s="14"/>
      <c r="F4030" s="16"/>
      <c r="G4030" s="2"/>
      <c r="H4030" s="2"/>
      <c r="I4030" s="2"/>
      <c r="J4030" s="2"/>
      <c r="K4030" s="2"/>
      <c r="L4030" s="2"/>
    </row>
    <row r="4031" spans="1:12" s="17" customFormat="1" ht="27" customHeight="1" x14ac:dyDescent="0.15">
      <c r="A4031" s="13"/>
      <c r="B4031" s="14"/>
      <c r="C4031" s="13"/>
      <c r="D4031" s="14"/>
      <c r="E4031" s="14"/>
      <c r="F4031" s="16"/>
      <c r="G4031" s="2"/>
      <c r="H4031" s="2"/>
      <c r="I4031" s="2"/>
      <c r="J4031" s="2"/>
      <c r="K4031" s="2"/>
      <c r="L4031" s="2"/>
    </row>
    <row r="4032" spans="1:12" s="17" customFormat="1" ht="27" customHeight="1" x14ac:dyDescent="0.15">
      <c r="A4032" s="13"/>
      <c r="B4032" s="14"/>
      <c r="C4032" s="13"/>
      <c r="D4032" s="14"/>
      <c r="E4032" s="14"/>
      <c r="F4032" s="16"/>
      <c r="G4032" s="2"/>
      <c r="H4032" s="2"/>
      <c r="I4032" s="2"/>
      <c r="J4032" s="2"/>
      <c r="K4032" s="2"/>
      <c r="L4032" s="2"/>
    </row>
    <row r="4033" spans="1:12" s="17" customFormat="1" ht="27" customHeight="1" x14ac:dyDescent="0.15">
      <c r="A4033" s="13"/>
      <c r="B4033" s="14"/>
      <c r="C4033" s="13"/>
      <c r="D4033" s="14"/>
      <c r="E4033" s="14"/>
      <c r="F4033" s="16"/>
      <c r="G4033" s="2"/>
      <c r="H4033" s="2"/>
      <c r="I4033" s="2"/>
      <c r="J4033" s="2"/>
      <c r="K4033" s="2"/>
      <c r="L4033" s="2"/>
    </row>
    <row r="4034" spans="1:12" s="17" customFormat="1" ht="27" customHeight="1" x14ac:dyDescent="0.15">
      <c r="A4034" s="13"/>
      <c r="B4034" s="14"/>
      <c r="C4034" s="13"/>
      <c r="D4034" s="14"/>
      <c r="E4034" s="14"/>
      <c r="F4034" s="16"/>
      <c r="G4034" s="2"/>
      <c r="H4034" s="2"/>
      <c r="I4034" s="2"/>
      <c r="J4034" s="2"/>
      <c r="K4034" s="2"/>
      <c r="L4034" s="2"/>
    </row>
    <row r="4035" spans="1:12" s="17" customFormat="1" ht="27" customHeight="1" x14ac:dyDescent="0.15">
      <c r="A4035" s="13"/>
      <c r="B4035" s="14"/>
      <c r="C4035" s="13"/>
      <c r="D4035" s="14"/>
      <c r="E4035" s="14"/>
      <c r="F4035" s="16"/>
      <c r="G4035" s="2"/>
      <c r="H4035" s="2"/>
      <c r="I4035" s="2"/>
      <c r="J4035" s="2"/>
      <c r="K4035" s="2"/>
      <c r="L4035" s="2"/>
    </row>
    <row r="4036" spans="1:12" s="17" customFormat="1" ht="27" customHeight="1" x14ac:dyDescent="0.15">
      <c r="A4036" s="13"/>
      <c r="B4036" s="14"/>
      <c r="C4036" s="13"/>
      <c r="D4036" s="14"/>
      <c r="E4036" s="14"/>
      <c r="F4036" s="16"/>
      <c r="G4036" s="2"/>
      <c r="H4036" s="2"/>
      <c r="I4036" s="2"/>
      <c r="J4036" s="2"/>
      <c r="K4036" s="2"/>
      <c r="L4036" s="2"/>
    </row>
    <row r="4037" spans="1:12" s="17" customFormat="1" ht="27" customHeight="1" x14ac:dyDescent="0.15">
      <c r="A4037" s="13"/>
      <c r="B4037" s="14"/>
      <c r="C4037" s="13"/>
      <c r="D4037" s="14"/>
      <c r="E4037" s="14"/>
      <c r="F4037" s="16"/>
      <c r="G4037" s="2"/>
      <c r="H4037" s="2"/>
      <c r="I4037" s="2"/>
      <c r="J4037" s="2"/>
      <c r="K4037" s="2"/>
      <c r="L4037" s="2"/>
    </row>
    <row r="4038" spans="1:12" s="17" customFormat="1" ht="27" customHeight="1" x14ac:dyDescent="0.15">
      <c r="A4038" s="13"/>
      <c r="B4038" s="14"/>
      <c r="C4038" s="13"/>
      <c r="D4038" s="14"/>
      <c r="E4038" s="14"/>
      <c r="F4038" s="16"/>
      <c r="G4038" s="2"/>
      <c r="H4038" s="2"/>
      <c r="I4038" s="2"/>
      <c r="J4038" s="2"/>
      <c r="K4038" s="2"/>
      <c r="L4038" s="2"/>
    </row>
    <row r="4039" spans="1:12" s="17" customFormat="1" ht="27" customHeight="1" x14ac:dyDescent="0.15">
      <c r="A4039" s="13"/>
      <c r="B4039" s="14"/>
      <c r="C4039" s="13"/>
      <c r="D4039" s="14"/>
      <c r="E4039" s="14"/>
      <c r="F4039" s="16"/>
      <c r="G4039" s="2"/>
      <c r="H4039" s="2"/>
      <c r="I4039" s="2"/>
      <c r="J4039" s="2"/>
      <c r="K4039" s="2"/>
      <c r="L4039" s="2"/>
    </row>
    <row r="4040" spans="1:12" s="17" customFormat="1" ht="27" customHeight="1" x14ac:dyDescent="0.15">
      <c r="A4040" s="13"/>
      <c r="B4040" s="14"/>
      <c r="C4040" s="13"/>
      <c r="D4040" s="14"/>
      <c r="E4040" s="14"/>
      <c r="F4040" s="16"/>
      <c r="G4040" s="2"/>
      <c r="H4040" s="2"/>
      <c r="I4040" s="2"/>
      <c r="J4040" s="2"/>
      <c r="K4040" s="2"/>
      <c r="L4040" s="2"/>
    </row>
    <row r="4041" spans="1:12" s="17" customFormat="1" ht="27" customHeight="1" x14ac:dyDescent="0.15">
      <c r="A4041" s="13"/>
      <c r="B4041" s="14"/>
      <c r="C4041" s="13"/>
      <c r="D4041" s="14"/>
      <c r="E4041" s="14"/>
      <c r="F4041" s="16"/>
      <c r="G4041" s="2"/>
      <c r="H4041" s="2"/>
      <c r="I4041" s="2"/>
      <c r="J4041" s="2"/>
      <c r="K4041" s="2"/>
      <c r="L4041" s="2"/>
    </row>
    <row r="4042" spans="1:12" s="17" customFormat="1" ht="27" customHeight="1" x14ac:dyDescent="0.15">
      <c r="A4042" s="13"/>
      <c r="B4042" s="14"/>
      <c r="C4042" s="13"/>
      <c r="D4042" s="14"/>
      <c r="E4042" s="14"/>
      <c r="F4042" s="16"/>
      <c r="G4042" s="2"/>
      <c r="H4042" s="2"/>
      <c r="I4042" s="2"/>
      <c r="J4042" s="2"/>
      <c r="K4042" s="2"/>
      <c r="L4042" s="2"/>
    </row>
    <row r="4043" spans="1:12" s="17" customFormat="1" ht="27" customHeight="1" x14ac:dyDescent="0.15">
      <c r="A4043" s="13"/>
      <c r="B4043" s="14"/>
      <c r="C4043" s="13"/>
      <c r="D4043" s="14"/>
      <c r="E4043" s="14"/>
      <c r="F4043" s="16"/>
      <c r="G4043" s="2"/>
      <c r="H4043" s="2"/>
      <c r="I4043" s="2"/>
      <c r="J4043" s="2"/>
      <c r="K4043" s="2"/>
      <c r="L4043" s="2"/>
    </row>
    <row r="4044" spans="1:12" s="17" customFormat="1" ht="27" customHeight="1" x14ac:dyDescent="0.15">
      <c r="A4044" s="13"/>
      <c r="B4044" s="14"/>
      <c r="C4044" s="13"/>
      <c r="D4044" s="14"/>
      <c r="E4044" s="14"/>
      <c r="F4044" s="16"/>
      <c r="G4044" s="2"/>
      <c r="H4044" s="2"/>
      <c r="I4044" s="2"/>
      <c r="J4044" s="2"/>
      <c r="K4044" s="2"/>
      <c r="L4044" s="2"/>
    </row>
    <row r="4045" spans="1:12" s="17" customFormat="1" ht="27" customHeight="1" x14ac:dyDescent="0.15">
      <c r="A4045" s="13"/>
      <c r="B4045" s="14"/>
      <c r="C4045" s="13"/>
      <c r="D4045" s="14"/>
      <c r="E4045" s="14"/>
      <c r="F4045" s="16"/>
      <c r="G4045" s="2"/>
      <c r="H4045" s="2"/>
      <c r="I4045" s="2"/>
      <c r="J4045" s="2"/>
      <c r="K4045" s="2"/>
      <c r="L4045" s="2"/>
    </row>
    <row r="4046" spans="1:12" s="17" customFormat="1" ht="27" customHeight="1" x14ac:dyDescent="0.15">
      <c r="A4046" s="13"/>
      <c r="B4046" s="14"/>
      <c r="C4046" s="13"/>
      <c r="D4046" s="14"/>
      <c r="E4046" s="14"/>
      <c r="F4046" s="16"/>
      <c r="G4046" s="2"/>
      <c r="H4046" s="2"/>
      <c r="I4046" s="2"/>
      <c r="J4046" s="2"/>
      <c r="K4046" s="2"/>
      <c r="L4046" s="2"/>
    </row>
    <row r="4047" spans="1:12" s="17" customFormat="1" ht="27" customHeight="1" x14ac:dyDescent="0.15">
      <c r="A4047" s="13"/>
      <c r="B4047" s="14"/>
      <c r="C4047" s="13"/>
      <c r="D4047" s="14"/>
      <c r="E4047" s="14"/>
      <c r="F4047" s="16"/>
      <c r="G4047" s="2"/>
      <c r="H4047" s="2"/>
      <c r="I4047" s="2"/>
      <c r="J4047" s="2"/>
      <c r="K4047" s="2"/>
      <c r="L4047" s="2"/>
    </row>
    <row r="4048" spans="1:12" s="17" customFormat="1" ht="27" customHeight="1" x14ac:dyDescent="0.15">
      <c r="A4048" s="13"/>
      <c r="B4048" s="14"/>
      <c r="C4048" s="13"/>
      <c r="D4048" s="14"/>
      <c r="E4048" s="14"/>
      <c r="F4048" s="16"/>
      <c r="G4048" s="2"/>
      <c r="H4048" s="2"/>
      <c r="I4048" s="2"/>
      <c r="J4048" s="2"/>
      <c r="K4048" s="2"/>
      <c r="L4048" s="2"/>
    </row>
    <row r="4049" spans="1:12" s="17" customFormat="1" ht="27" customHeight="1" x14ac:dyDescent="0.15">
      <c r="A4049" s="13"/>
      <c r="B4049" s="14"/>
      <c r="C4049" s="13"/>
      <c r="D4049" s="14"/>
      <c r="E4049" s="14"/>
      <c r="F4049" s="16"/>
      <c r="G4049" s="2"/>
      <c r="H4049" s="2"/>
      <c r="I4049" s="2"/>
      <c r="J4049" s="2"/>
      <c r="K4049" s="2"/>
      <c r="L4049" s="2"/>
    </row>
    <row r="4050" spans="1:12" s="17" customFormat="1" ht="27" customHeight="1" x14ac:dyDescent="0.15">
      <c r="A4050" s="13"/>
      <c r="B4050" s="14"/>
      <c r="C4050" s="13"/>
      <c r="D4050" s="14"/>
      <c r="E4050" s="14"/>
      <c r="F4050" s="16"/>
      <c r="G4050" s="2"/>
      <c r="H4050" s="2"/>
      <c r="I4050" s="2"/>
      <c r="J4050" s="2"/>
      <c r="K4050" s="2"/>
      <c r="L4050" s="2"/>
    </row>
    <row r="4051" spans="1:12" s="17" customFormat="1" ht="27" customHeight="1" x14ac:dyDescent="0.15">
      <c r="A4051" s="13"/>
      <c r="B4051" s="14"/>
      <c r="C4051" s="13"/>
      <c r="D4051" s="14"/>
      <c r="E4051" s="14"/>
      <c r="F4051" s="16"/>
      <c r="G4051" s="2"/>
      <c r="H4051" s="2"/>
      <c r="I4051" s="2"/>
      <c r="J4051" s="2"/>
      <c r="K4051" s="2"/>
      <c r="L4051" s="2"/>
    </row>
    <row r="4052" spans="1:12" s="17" customFormat="1" ht="27" customHeight="1" x14ac:dyDescent="0.15">
      <c r="A4052" s="13"/>
      <c r="B4052" s="14"/>
      <c r="C4052" s="13"/>
      <c r="D4052" s="14"/>
      <c r="E4052" s="14"/>
      <c r="F4052" s="16"/>
      <c r="G4052" s="2"/>
      <c r="H4052" s="2"/>
      <c r="I4052" s="2"/>
      <c r="J4052" s="2"/>
      <c r="K4052" s="2"/>
      <c r="L4052" s="2"/>
    </row>
    <row r="4053" spans="1:12" s="17" customFormat="1" ht="27" customHeight="1" x14ac:dyDescent="0.15">
      <c r="A4053" s="13"/>
      <c r="B4053" s="14"/>
      <c r="C4053" s="13"/>
      <c r="D4053" s="14"/>
      <c r="E4053" s="14"/>
      <c r="F4053" s="16"/>
      <c r="G4053" s="2"/>
      <c r="H4053" s="2"/>
      <c r="I4053" s="2"/>
      <c r="J4053" s="2"/>
      <c r="K4053" s="2"/>
      <c r="L4053" s="2"/>
    </row>
    <row r="4054" spans="1:12" s="17" customFormat="1" ht="27" customHeight="1" x14ac:dyDescent="0.15">
      <c r="A4054" s="13"/>
      <c r="B4054" s="14"/>
      <c r="C4054" s="13"/>
      <c r="D4054" s="14"/>
      <c r="E4054" s="14"/>
      <c r="F4054" s="16"/>
      <c r="G4054" s="2"/>
      <c r="H4054" s="2"/>
      <c r="I4054" s="2"/>
      <c r="J4054" s="2"/>
      <c r="K4054" s="2"/>
      <c r="L4054" s="2"/>
    </row>
    <row r="4055" spans="1:12" s="17" customFormat="1" ht="27" customHeight="1" x14ac:dyDescent="0.15">
      <c r="A4055" s="13"/>
      <c r="B4055" s="14"/>
      <c r="C4055" s="13"/>
      <c r="D4055" s="14"/>
      <c r="E4055" s="14"/>
      <c r="F4055" s="16"/>
      <c r="G4055" s="2"/>
      <c r="H4055" s="2"/>
      <c r="I4055" s="2"/>
      <c r="J4055" s="2"/>
      <c r="K4055" s="2"/>
      <c r="L4055" s="2"/>
    </row>
    <row r="4056" spans="1:12" s="17" customFormat="1" ht="27" customHeight="1" x14ac:dyDescent="0.15">
      <c r="A4056" s="13"/>
      <c r="B4056" s="14"/>
      <c r="C4056" s="13"/>
      <c r="D4056" s="14"/>
      <c r="E4056" s="14"/>
      <c r="F4056" s="16"/>
      <c r="G4056" s="2"/>
      <c r="H4056" s="2"/>
      <c r="I4056" s="2"/>
      <c r="J4056" s="2"/>
      <c r="K4056" s="2"/>
      <c r="L4056" s="2"/>
    </row>
    <row r="4057" spans="1:12" s="17" customFormat="1" ht="27" customHeight="1" x14ac:dyDescent="0.15">
      <c r="A4057" s="13"/>
      <c r="B4057" s="14"/>
      <c r="C4057" s="13"/>
      <c r="D4057" s="14"/>
      <c r="E4057" s="14"/>
      <c r="F4057" s="16"/>
      <c r="G4057" s="2"/>
      <c r="H4057" s="2"/>
      <c r="I4057" s="2"/>
      <c r="J4057" s="2"/>
      <c r="K4057" s="2"/>
      <c r="L4057" s="2"/>
    </row>
    <row r="4058" spans="1:12" s="17" customFormat="1" ht="27" customHeight="1" x14ac:dyDescent="0.15">
      <c r="A4058" s="13"/>
      <c r="B4058" s="14"/>
      <c r="C4058" s="13"/>
      <c r="D4058" s="14"/>
      <c r="E4058" s="14"/>
      <c r="F4058" s="16"/>
      <c r="G4058" s="2"/>
      <c r="H4058" s="2"/>
      <c r="I4058" s="2"/>
      <c r="J4058" s="2"/>
      <c r="K4058" s="2"/>
      <c r="L4058" s="2"/>
    </row>
    <row r="4059" spans="1:12" s="17" customFormat="1" ht="27" customHeight="1" x14ac:dyDescent="0.15">
      <c r="A4059" s="13"/>
      <c r="B4059" s="14"/>
      <c r="C4059" s="13"/>
      <c r="D4059" s="14"/>
      <c r="E4059" s="14"/>
      <c r="F4059" s="16"/>
      <c r="G4059" s="2"/>
      <c r="H4059" s="2"/>
      <c r="I4059" s="2"/>
      <c r="J4059" s="2"/>
      <c r="K4059" s="2"/>
      <c r="L4059" s="2"/>
    </row>
    <row r="4060" spans="1:12" s="17" customFormat="1" ht="27" customHeight="1" x14ac:dyDescent="0.15">
      <c r="A4060" s="13"/>
      <c r="B4060" s="14"/>
      <c r="C4060" s="13"/>
      <c r="D4060" s="14"/>
      <c r="E4060" s="14"/>
      <c r="F4060" s="16"/>
      <c r="G4060" s="2"/>
      <c r="H4060" s="2"/>
      <c r="I4060" s="2"/>
      <c r="J4060" s="2"/>
      <c r="K4060" s="2"/>
      <c r="L4060" s="2"/>
    </row>
    <row r="4061" spans="1:12" s="17" customFormat="1" ht="27" customHeight="1" x14ac:dyDescent="0.15">
      <c r="A4061" s="13"/>
      <c r="B4061" s="14"/>
      <c r="C4061" s="13"/>
      <c r="D4061" s="14"/>
      <c r="E4061" s="14"/>
      <c r="F4061" s="16"/>
      <c r="G4061" s="2"/>
      <c r="H4061" s="2"/>
      <c r="I4061" s="2"/>
      <c r="J4061" s="2"/>
      <c r="K4061" s="2"/>
      <c r="L4061" s="2"/>
    </row>
    <row r="4062" spans="1:12" s="17" customFormat="1" ht="27" customHeight="1" x14ac:dyDescent="0.15">
      <c r="A4062" s="13"/>
      <c r="B4062" s="14"/>
      <c r="C4062" s="13"/>
      <c r="D4062" s="14"/>
      <c r="E4062" s="14"/>
      <c r="F4062" s="16"/>
      <c r="G4062" s="2"/>
      <c r="H4062" s="2"/>
      <c r="I4062" s="2"/>
      <c r="J4062" s="2"/>
      <c r="K4062" s="2"/>
      <c r="L4062" s="2"/>
    </row>
    <row r="4063" spans="1:12" s="17" customFormat="1" ht="27" customHeight="1" x14ac:dyDescent="0.15">
      <c r="A4063" s="13"/>
      <c r="B4063" s="14"/>
      <c r="C4063" s="13"/>
      <c r="D4063" s="14"/>
      <c r="E4063" s="14"/>
      <c r="F4063" s="16"/>
      <c r="G4063" s="2"/>
      <c r="H4063" s="2"/>
      <c r="I4063" s="2"/>
      <c r="J4063" s="2"/>
      <c r="K4063" s="2"/>
      <c r="L4063" s="2"/>
    </row>
    <row r="4064" spans="1:12" s="17" customFormat="1" ht="27" customHeight="1" x14ac:dyDescent="0.15">
      <c r="A4064" s="13"/>
      <c r="B4064" s="14"/>
      <c r="C4064" s="13"/>
      <c r="D4064" s="14"/>
      <c r="E4064" s="14"/>
      <c r="F4064" s="16"/>
      <c r="G4064" s="2"/>
      <c r="H4064" s="2"/>
      <c r="I4064" s="2"/>
      <c r="J4064" s="2"/>
      <c r="K4064" s="2"/>
      <c r="L4064" s="2"/>
    </row>
    <row r="4065" spans="1:12" s="17" customFormat="1" ht="27" customHeight="1" x14ac:dyDescent="0.15">
      <c r="A4065" s="13"/>
      <c r="B4065" s="14"/>
      <c r="C4065" s="13"/>
      <c r="D4065" s="14"/>
      <c r="E4065" s="14"/>
      <c r="F4065" s="16"/>
      <c r="G4065" s="2"/>
      <c r="H4065" s="2"/>
      <c r="I4065" s="2"/>
      <c r="J4065" s="2"/>
      <c r="K4065" s="2"/>
      <c r="L4065" s="2"/>
    </row>
    <row r="4066" spans="1:12" s="17" customFormat="1" ht="27" customHeight="1" x14ac:dyDescent="0.15">
      <c r="A4066" s="13"/>
      <c r="B4066" s="14"/>
      <c r="C4066" s="13"/>
      <c r="D4066" s="14"/>
      <c r="E4066" s="14"/>
      <c r="F4066" s="16"/>
      <c r="G4066" s="2"/>
      <c r="H4066" s="2"/>
      <c r="I4066" s="2"/>
      <c r="J4066" s="2"/>
      <c r="K4066" s="2"/>
      <c r="L4066" s="2"/>
    </row>
    <row r="4067" spans="1:12" s="17" customFormat="1" ht="27" customHeight="1" x14ac:dyDescent="0.15">
      <c r="A4067" s="13"/>
      <c r="B4067" s="14"/>
      <c r="C4067" s="13"/>
      <c r="D4067" s="14"/>
      <c r="E4067" s="14"/>
      <c r="F4067" s="16"/>
      <c r="G4067" s="2"/>
      <c r="H4067" s="2"/>
      <c r="I4067" s="2"/>
      <c r="J4067" s="2"/>
      <c r="K4067" s="2"/>
      <c r="L4067" s="2"/>
    </row>
    <row r="4068" spans="1:12" s="17" customFormat="1" ht="27" customHeight="1" x14ac:dyDescent="0.15">
      <c r="A4068" s="13"/>
      <c r="B4068" s="14"/>
      <c r="C4068" s="13"/>
      <c r="D4068" s="14"/>
      <c r="E4068" s="14"/>
      <c r="F4068" s="16"/>
      <c r="G4068" s="2"/>
      <c r="H4068" s="2"/>
      <c r="I4068" s="2"/>
      <c r="J4068" s="2"/>
      <c r="K4068" s="2"/>
      <c r="L4068" s="2"/>
    </row>
    <row r="4069" spans="1:12" s="17" customFormat="1" ht="27" customHeight="1" x14ac:dyDescent="0.15">
      <c r="A4069" s="13"/>
      <c r="B4069" s="14"/>
      <c r="C4069" s="13"/>
      <c r="D4069" s="14"/>
      <c r="E4069" s="14"/>
      <c r="F4069" s="16"/>
      <c r="G4069" s="2"/>
      <c r="H4069" s="2"/>
      <c r="I4069" s="2"/>
      <c r="J4069" s="2"/>
      <c r="K4069" s="2"/>
      <c r="L4069" s="2"/>
    </row>
    <row r="4070" spans="1:12" s="17" customFormat="1" ht="27" customHeight="1" x14ac:dyDescent="0.15">
      <c r="A4070" s="13"/>
      <c r="B4070" s="14"/>
      <c r="C4070" s="13"/>
      <c r="D4070" s="14"/>
      <c r="E4070" s="14"/>
      <c r="F4070" s="16"/>
      <c r="G4070" s="2"/>
      <c r="H4070" s="2"/>
      <c r="I4070" s="2"/>
      <c r="J4070" s="2"/>
      <c r="K4070" s="2"/>
      <c r="L4070" s="2"/>
    </row>
    <row r="4071" spans="1:12" s="17" customFormat="1" ht="27" customHeight="1" x14ac:dyDescent="0.15">
      <c r="A4071" s="13"/>
      <c r="B4071" s="14"/>
      <c r="C4071" s="13"/>
      <c r="D4071" s="14"/>
      <c r="E4071" s="14"/>
      <c r="F4071" s="16"/>
      <c r="G4071" s="2"/>
      <c r="H4071" s="2"/>
      <c r="I4071" s="2"/>
      <c r="J4071" s="2"/>
      <c r="K4071" s="2"/>
      <c r="L4071" s="2"/>
    </row>
    <row r="4072" spans="1:12" s="17" customFormat="1" ht="27" customHeight="1" x14ac:dyDescent="0.15">
      <c r="A4072" s="13"/>
      <c r="B4072" s="14"/>
      <c r="C4072" s="13"/>
      <c r="D4072" s="14"/>
      <c r="E4072" s="14"/>
      <c r="F4072" s="16"/>
      <c r="G4072" s="2"/>
      <c r="H4072" s="2"/>
      <c r="I4072" s="2"/>
      <c r="J4072" s="2"/>
      <c r="K4072" s="2"/>
      <c r="L4072" s="2"/>
    </row>
    <row r="4073" spans="1:12" s="17" customFormat="1" ht="27" customHeight="1" x14ac:dyDescent="0.15">
      <c r="A4073" s="13"/>
      <c r="B4073" s="14"/>
      <c r="C4073" s="13"/>
      <c r="D4073" s="14"/>
      <c r="E4073" s="14"/>
      <c r="F4073" s="16"/>
      <c r="G4073" s="2"/>
      <c r="H4073" s="2"/>
      <c r="I4073" s="2"/>
      <c r="J4073" s="2"/>
      <c r="K4073" s="2"/>
      <c r="L4073" s="2"/>
    </row>
    <row r="4074" spans="1:12" s="17" customFormat="1" ht="27" customHeight="1" x14ac:dyDescent="0.15">
      <c r="A4074" s="13"/>
      <c r="B4074" s="14"/>
      <c r="C4074" s="13"/>
      <c r="D4074" s="14"/>
      <c r="E4074" s="14"/>
      <c r="F4074" s="16"/>
      <c r="G4074" s="2"/>
      <c r="H4074" s="2"/>
      <c r="I4074" s="2"/>
      <c r="J4074" s="2"/>
      <c r="K4074" s="2"/>
      <c r="L4074" s="2"/>
    </row>
    <row r="4075" spans="1:12" s="17" customFormat="1" ht="27" customHeight="1" x14ac:dyDescent="0.15">
      <c r="A4075" s="13"/>
      <c r="B4075" s="14"/>
      <c r="C4075" s="13"/>
      <c r="D4075" s="14"/>
      <c r="E4075" s="14"/>
      <c r="F4075" s="16"/>
      <c r="G4075" s="2"/>
      <c r="H4075" s="2"/>
      <c r="I4075" s="2"/>
      <c r="J4075" s="2"/>
      <c r="K4075" s="2"/>
      <c r="L4075" s="2"/>
    </row>
    <row r="4076" spans="1:12" s="17" customFormat="1" ht="27" customHeight="1" x14ac:dyDescent="0.15">
      <c r="A4076" s="13"/>
      <c r="B4076" s="14"/>
      <c r="C4076" s="13"/>
      <c r="D4076" s="14"/>
      <c r="E4076" s="14"/>
      <c r="F4076" s="16"/>
      <c r="G4076" s="2"/>
      <c r="H4076" s="2"/>
      <c r="I4076" s="2"/>
      <c r="J4076" s="2"/>
      <c r="K4076" s="2"/>
      <c r="L4076" s="2"/>
    </row>
    <row r="4077" spans="1:12" s="17" customFormat="1" ht="27" customHeight="1" x14ac:dyDescent="0.15">
      <c r="A4077" s="13"/>
      <c r="B4077" s="14"/>
      <c r="C4077" s="13"/>
      <c r="D4077" s="14"/>
      <c r="E4077" s="14"/>
      <c r="F4077" s="16"/>
      <c r="G4077" s="2"/>
      <c r="H4077" s="2"/>
      <c r="I4077" s="2"/>
      <c r="J4077" s="2"/>
      <c r="K4077" s="2"/>
      <c r="L4077" s="2"/>
    </row>
    <row r="4078" spans="1:12" s="17" customFormat="1" ht="27" customHeight="1" x14ac:dyDescent="0.15">
      <c r="A4078" s="13"/>
      <c r="B4078" s="14"/>
      <c r="C4078" s="13"/>
      <c r="D4078" s="14"/>
      <c r="E4078" s="14"/>
      <c r="F4078" s="16"/>
      <c r="G4078" s="2"/>
      <c r="H4078" s="2"/>
      <c r="I4078" s="2"/>
      <c r="J4078" s="2"/>
      <c r="K4078" s="2"/>
      <c r="L4078" s="2"/>
    </row>
    <row r="4079" spans="1:12" s="17" customFormat="1" ht="27" customHeight="1" x14ac:dyDescent="0.15">
      <c r="A4079" s="13"/>
      <c r="B4079" s="14"/>
      <c r="C4079" s="13"/>
      <c r="D4079" s="14"/>
      <c r="E4079" s="14"/>
      <c r="F4079" s="16"/>
      <c r="G4079" s="2"/>
      <c r="H4079" s="2"/>
      <c r="I4079" s="2"/>
      <c r="J4079" s="2"/>
      <c r="K4079" s="2"/>
      <c r="L4079" s="2"/>
    </row>
    <row r="4080" spans="1:12" s="17" customFormat="1" ht="27" customHeight="1" x14ac:dyDescent="0.15">
      <c r="A4080" s="13"/>
      <c r="B4080" s="14"/>
      <c r="C4080" s="13"/>
      <c r="D4080" s="14"/>
      <c r="E4080" s="14"/>
      <c r="F4080" s="16"/>
      <c r="G4080" s="2"/>
      <c r="H4080" s="2"/>
      <c r="I4080" s="2"/>
      <c r="J4080" s="2"/>
      <c r="K4080" s="2"/>
      <c r="L4080" s="2"/>
    </row>
    <row r="4081" spans="1:12" s="17" customFormat="1" ht="27" customHeight="1" x14ac:dyDescent="0.15">
      <c r="A4081" s="13"/>
      <c r="B4081" s="14"/>
      <c r="C4081" s="13"/>
      <c r="D4081" s="14"/>
      <c r="E4081" s="14"/>
      <c r="F4081" s="16"/>
      <c r="G4081" s="2"/>
      <c r="H4081" s="2"/>
      <c r="I4081" s="2"/>
      <c r="J4081" s="2"/>
      <c r="K4081" s="2"/>
      <c r="L4081" s="2"/>
    </row>
    <row r="4082" spans="1:12" s="17" customFormat="1" ht="27" customHeight="1" x14ac:dyDescent="0.15">
      <c r="A4082" s="13"/>
      <c r="B4082" s="14"/>
      <c r="C4082" s="13"/>
      <c r="D4082" s="14"/>
      <c r="E4082" s="14"/>
      <c r="F4082" s="16"/>
      <c r="G4082" s="2"/>
      <c r="H4082" s="2"/>
      <c r="I4082" s="2"/>
      <c r="J4082" s="2"/>
      <c r="K4082" s="2"/>
      <c r="L4082" s="2"/>
    </row>
    <row r="4083" spans="1:12" s="17" customFormat="1" ht="27" customHeight="1" x14ac:dyDescent="0.15">
      <c r="A4083" s="13"/>
      <c r="B4083" s="14"/>
      <c r="C4083" s="13"/>
      <c r="D4083" s="14"/>
      <c r="E4083" s="14"/>
      <c r="F4083" s="16"/>
      <c r="G4083" s="2"/>
      <c r="H4083" s="2"/>
      <c r="I4083" s="2"/>
      <c r="J4083" s="2"/>
      <c r="K4083" s="2"/>
      <c r="L4083" s="2"/>
    </row>
    <row r="4084" spans="1:12" s="17" customFormat="1" ht="27" customHeight="1" x14ac:dyDescent="0.15">
      <c r="A4084" s="13"/>
      <c r="B4084" s="14"/>
      <c r="C4084" s="13"/>
      <c r="D4084" s="14"/>
      <c r="E4084" s="14"/>
      <c r="F4084" s="16"/>
      <c r="G4084" s="2"/>
      <c r="H4084" s="2"/>
      <c r="I4084" s="2"/>
      <c r="J4084" s="2"/>
      <c r="K4084" s="2"/>
      <c r="L4084" s="2"/>
    </row>
    <row r="4085" spans="1:12" s="17" customFormat="1" ht="27" customHeight="1" x14ac:dyDescent="0.15">
      <c r="A4085" s="13"/>
      <c r="B4085" s="14"/>
      <c r="C4085" s="13"/>
      <c r="D4085" s="14"/>
      <c r="E4085" s="14"/>
      <c r="F4085" s="16"/>
      <c r="G4085" s="2"/>
      <c r="H4085" s="2"/>
      <c r="I4085" s="2"/>
      <c r="J4085" s="2"/>
      <c r="K4085" s="2"/>
      <c r="L4085" s="2"/>
    </row>
    <row r="4086" spans="1:12" s="17" customFormat="1" ht="27" customHeight="1" x14ac:dyDescent="0.15">
      <c r="A4086" s="13"/>
      <c r="B4086" s="14"/>
      <c r="C4086" s="13"/>
      <c r="D4086" s="14"/>
      <c r="E4086" s="14"/>
      <c r="F4086" s="16"/>
      <c r="G4086" s="2"/>
      <c r="H4086" s="2"/>
      <c r="I4086" s="2"/>
      <c r="J4086" s="2"/>
      <c r="K4086" s="2"/>
      <c r="L4086" s="2"/>
    </row>
    <row r="4087" spans="1:12" s="17" customFormat="1" ht="27" customHeight="1" x14ac:dyDescent="0.15">
      <c r="A4087" s="13"/>
      <c r="B4087" s="14"/>
      <c r="C4087" s="13"/>
      <c r="D4087" s="14"/>
      <c r="E4087" s="14"/>
      <c r="F4087" s="16"/>
      <c r="G4087" s="2"/>
      <c r="H4087" s="2"/>
      <c r="I4087" s="2"/>
      <c r="J4087" s="2"/>
      <c r="K4087" s="2"/>
      <c r="L4087" s="2"/>
    </row>
    <row r="4088" spans="1:12" s="17" customFormat="1" ht="27" customHeight="1" x14ac:dyDescent="0.15">
      <c r="A4088" s="13"/>
      <c r="B4088" s="14"/>
      <c r="C4088" s="13"/>
      <c r="D4088" s="14"/>
      <c r="E4088" s="14"/>
      <c r="F4088" s="16"/>
      <c r="G4088" s="2"/>
      <c r="H4088" s="2"/>
      <c r="I4088" s="2"/>
      <c r="J4088" s="2"/>
      <c r="K4088" s="2"/>
      <c r="L4088" s="2"/>
    </row>
    <row r="4089" spans="1:12" s="17" customFormat="1" ht="27" customHeight="1" x14ac:dyDescent="0.15">
      <c r="A4089" s="13"/>
      <c r="B4089" s="14"/>
      <c r="C4089" s="13"/>
      <c r="D4089" s="14"/>
      <c r="E4089" s="14"/>
      <c r="F4089" s="16"/>
      <c r="G4089" s="2"/>
      <c r="H4089" s="2"/>
      <c r="I4089" s="2"/>
      <c r="J4089" s="2"/>
      <c r="K4089" s="2"/>
      <c r="L4089" s="2"/>
    </row>
    <row r="4090" spans="1:12" s="17" customFormat="1" ht="27" customHeight="1" x14ac:dyDescent="0.15">
      <c r="A4090" s="13"/>
      <c r="B4090" s="14"/>
      <c r="C4090" s="13"/>
      <c r="D4090" s="14"/>
      <c r="E4090" s="14"/>
      <c r="F4090" s="16"/>
      <c r="G4090" s="2"/>
      <c r="H4090" s="2"/>
      <c r="I4090" s="2"/>
      <c r="J4090" s="2"/>
      <c r="K4090" s="2"/>
      <c r="L4090" s="2"/>
    </row>
    <row r="4091" spans="1:12" s="17" customFormat="1" ht="27" customHeight="1" x14ac:dyDescent="0.15">
      <c r="A4091" s="13"/>
      <c r="B4091" s="14"/>
      <c r="C4091" s="13"/>
      <c r="D4091" s="14"/>
      <c r="E4091" s="14"/>
      <c r="F4091" s="16"/>
      <c r="G4091" s="2"/>
      <c r="H4091" s="2"/>
      <c r="I4091" s="2"/>
      <c r="J4091" s="2"/>
      <c r="K4091" s="2"/>
      <c r="L4091" s="2"/>
    </row>
    <row r="4092" spans="1:12" s="17" customFormat="1" ht="27" customHeight="1" x14ac:dyDescent="0.15">
      <c r="A4092" s="13"/>
      <c r="B4092" s="14"/>
      <c r="C4092" s="13"/>
      <c r="D4092" s="14"/>
      <c r="E4092" s="14"/>
      <c r="F4092" s="16"/>
      <c r="G4092" s="2"/>
      <c r="H4092" s="2"/>
      <c r="I4092" s="2"/>
      <c r="J4092" s="2"/>
      <c r="K4092" s="2"/>
      <c r="L4092" s="2"/>
    </row>
    <row r="4093" spans="1:12" s="17" customFormat="1" ht="27" customHeight="1" x14ac:dyDescent="0.15">
      <c r="A4093" s="13"/>
      <c r="B4093" s="14"/>
      <c r="C4093" s="13"/>
      <c r="D4093" s="14"/>
      <c r="E4093" s="14"/>
      <c r="F4093" s="16"/>
      <c r="G4093" s="2"/>
      <c r="H4093" s="2"/>
      <c r="I4093" s="2"/>
      <c r="J4093" s="2"/>
      <c r="K4093" s="2"/>
      <c r="L4093" s="2"/>
    </row>
    <row r="4094" spans="1:12" s="17" customFormat="1" ht="27" customHeight="1" x14ac:dyDescent="0.15">
      <c r="A4094" s="13"/>
      <c r="B4094" s="14"/>
      <c r="C4094" s="13"/>
      <c r="D4094" s="14"/>
      <c r="E4094" s="14"/>
      <c r="F4094" s="16"/>
      <c r="G4094" s="2"/>
      <c r="H4094" s="2"/>
      <c r="I4094" s="2"/>
      <c r="J4094" s="2"/>
      <c r="K4094" s="2"/>
      <c r="L4094" s="2"/>
    </row>
    <row r="4095" spans="1:12" s="17" customFormat="1" ht="27" customHeight="1" x14ac:dyDescent="0.15">
      <c r="A4095" s="13"/>
      <c r="B4095" s="14"/>
      <c r="C4095" s="13"/>
      <c r="D4095" s="14"/>
      <c r="E4095" s="14"/>
      <c r="F4095" s="16"/>
      <c r="G4095" s="2"/>
      <c r="H4095" s="2"/>
      <c r="I4095" s="2"/>
      <c r="J4095" s="2"/>
      <c r="K4095" s="2"/>
      <c r="L4095" s="2"/>
    </row>
    <row r="4096" spans="1:12" s="17" customFormat="1" ht="27" customHeight="1" x14ac:dyDescent="0.15">
      <c r="A4096" s="13"/>
      <c r="B4096" s="14"/>
      <c r="C4096" s="13"/>
      <c r="D4096" s="14"/>
      <c r="E4096" s="14"/>
      <c r="F4096" s="16"/>
      <c r="G4096" s="2"/>
      <c r="H4096" s="2"/>
      <c r="I4096" s="2"/>
      <c r="J4096" s="2"/>
      <c r="K4096" s="2"/>
      <c r="L4096" s="2"/>
    </row>
    <row r="4097" spans="1:12" s="17" customFormat="1" ht="27" customHeight="1" x14ac:dyDescent="0.15">
      <c r="A4097" s="13"/>
      <c r="B4097" s="14"/>
      <c r="C4097" s="13"/>
      <c r="D4097" s="14"/>
      <c r="E4097" s="14"/>
      <c r="F4097" s="16"/>
      <c r="G4097" s="2"/>
      <c r="H4097" s="2"/>
      <c r="I4097" s="2"/>
      <c r="J4097" s="2"/>
      <c r="K4097" s="2"/>
      <c r="L4097" s="2"/>
    </row>
    <row r="4098" spans="1:12" s="17" customFormat="1" ht="27" customHeight="1" x14ac:dyDescent="0.15">
      <c r="A4098" s="13"/>
      <c r="B4098" s="14"/>
      <c r="C4098" s="13"/>
      <c r="D4098" s="14"/>
      <c r="E4098" s="14"/>
      <c r="F4098" s="16"/>
      <c r="G4098" s="2"/>
      <c r="H4098" s="2"/>
      <c r="I4098" s="2"/>
      <c r="J4098" s="2"/>
      <c r="K4098" s="2"/>
      <c r="L4098" s="2"/>
    </row>
    <row r="4099" spans="1:12" s="17" customFormat="1" ht="27" customHeight="1" x14ac:dyDescent="0.15">
      <c r="A4099" s="13"/>
      <c r="B4099" s="14"/>
      <c r="C4099" s="13"/>
      <c r="D4099" s="14"/>
      <c r="E4099" s="14"/>
      <c r="F4099" s="16"/>
      <c r="G4099" s="2"/>
      <c r="H4099" s="2"/>
      <c r="I4099" s="2"/>
      <c r="J4099" s="2"/>
      <c r="K4099" s="2"/>
      <c r="L4099" s="2"/>
    </row>
    <row r="4100" spans="1:12" s="17" customFormat="1" ht="27" customHeight="1" x14ac:dyDescent="0.15">
      <c r="A4100" s="13"/>
      <c r="B4100" s="14"/>
      <c r="C4100" s="13"/>
      <c r="D4100" s="14"/>
      <c r="E4100" s="14"/>
      <c r="F4100" s="16"/>
      <c r="G4100" s="2"/>
      <c r="H4100" s="2"/>
      <c r="I4100" s="2"/>
      <c r="J4100" s="2"/>
      <c r="K4100" s="2"/>
      <c r="L4100" s="2"/>
    </row>
    <row r="4101" spans="1:12" s="17" customFormat="1" ht="27" customHeight="1" x14ac:dyDescent="0.15">
      <c r="A4101" s="13"/>
      <c r="B4101" s="14"/>
      <c r="C4101" s="13"/>
      <c r="D4101" s="14"/>
      <c r="E4101" s="14"/>
      <c r="F4101" s="16"/>
      <c r="G4101" s="2"/>
      <c r="H4101" s="2"/>
      <c r="I4101" s="2"/>
      <c r="J4101" s="2"/>
      <c r="K4101" s="2"/>
      <c r="L4101" s="2"/>
    </row>
    <row r="4102" spans="1:12" s="17" customFormat="1" ht="27" customHeight="1" x14ac:dyDescent="0.15">
      <c r="A4102" s="13"/>
      <c r="B4102" s="14"/>
      <c r="C4102" s="13"/>
      <c r="D4102" s="14"/>
      <c r="E4102" s="14"/>
      <c r="F4102" s="16"/>
      <c r="G4102" s="2"/>
      <c r="H4102" s="2"/>
      <c r="I4102" s="2"/>
      <c r="J4102" s="2"/>
      <c r="K4102" s="2"/>
      <c r="L4102" s="2"/>
    </row>
    <row r="4103" spans="1:12" s="17" customFormat="1" ht="27" customHeight="1" x14ac:dyDescent="0.15">
      <c r="A4103" s="13"/>
      <c r="B4103" s="14"/>
      <c r="C4103" s="13"/>
      <c r="D4103" s="14"/>
      <c r="E4103" s="14"/>
      <c r="F4103" s="16"/>
      <c r="G4103" s="2"/>
      <c r="H4103" s="2"/>
      <c r="I4103" s="2"/>
      <c r="J4103" s="2"/>
      <c r="K4103" s="2"/>
      <c r="L4103" s="2"/>
    </row>
    <row r="4104" spans="1:12" s="17" customFormat="1" ht="27" customHeight="1" x14ac:dyDescent="0.15">
      <c r="A4104" s="13"/>
      <c r="B4104" s="14"/>
      <c r="C4104" s="13"/>
      <c r="D4104" s="14"/>
      <c r="E4104" s="14"/>
      <c r="F4104" s="16"/>
      <c r="G4104" s="2"/>
      <c r="H4104" s="2"/>
      <c r="I4104" s="2"/>
      <c r="J4104" s="2"/>
      <c r="K4104" s="2"/>
      <c r="L4104" s="2"/>
    </row>
    <row r="4105" spans="1:12" s="17" customFormat="1" ht="27" customHeight="1" x14ac:dyDescent="0.15">
      <c r="A4105" s="13"/>
      <c r="B4105" s="14"/>
      <c r="C4105" s="13"/>
      <c r="D4105" s="14"/>
      <c r="E4105" s="14"/>
      <c r="F4105" s="16"/>
      <c r="G4105" s="2"/>
      <c r="H4105" s="2"/>
      <c r="I4105" s="2"/>
      <c r="J4105" s="2"/>
      <c r="K4105" s="2"/>
      <c r="L4105" s="2"/>
    </row>
    <row r="4106" spans="1:12" s="17" customFormat="1" ht="27" customHeight="1" x14ac:dyDescent="0.15">
      <c r="A4106" s="13"/>
      <c r="B4106" s="14"/>
      <c r="C4106" s="13"/>
      <c r="D4106" s="14"/>
      <c r="E4106" s="14"/>
      <c r="F4106" s="16"/>
      <c r="G4106" s="2"/>
      <c r="H4106" s="2"/>
      <c r="I4106" s="2"/>
      <c r="J4106" s="2"/>
      <c r="K4106" s="2"/>
      <c r="L4106" s="2"/>
    </row>
    <row r="4107" spans="1:12" s="17" customFormat="1" ht="27" customHeight="1" x14ac:dyDescent="0.15">
      <c r="A4107" s="13"/>
      <c r="B4107" s="14"/>
      <c r="C4107" s="13"/>
      <c r="D4107" s="14"/>
      <c r="E4107" s="14"/>
      <c r="F4107" s="16"/>
      <c r="G4107" s="2"/>
      <c r="H4107" s="2"/>
      <c r="I4107" s="2"/>
      <c r="J4107" s="2"/>
      <c r="K4107" s="2"/>
      <c r="L4107" s="2"/>
    </row>
    <row r="4108" spans="1:12" s="17" customFormat="1" ht="27" customHeight="1" x14ac:dyDescent="0.15">
      <c r="A4108" s="13"/>
      <c r="B4108" s="14"/>
      <c r="C4108" s="13"/>
      <c r="D4108" s="14"/>
      <c r="E4108" s="14"/>
      <c r="F4108" s="16"/>
      <c r="G4108" s="2"/>
      <c r="H4108" s="2"/>
      <c r="I4108" s="2"/>
      <c r="J4108" s="2"/>
      <c r="K4108" s="2"/>
      <c r="L4108" s="2"/>
    </row>
    <row r="4109" spans="1:12" s="17" customFormat="1" ht="27" customHeight="1" x14ac:dyDescent="0.15">
      <c r="A4109" s="13"/>
      <c r="B4109" s="14"/>
      <c r="C4109" s="13"/>
      <c r="D4109" s="14"/>
      <c r="E4109" s="14"/>
      <c r="F4109" s="16"/>
      <c r="G4109" s="2"/>
      <c r="H4109" s="2"/>
      <c r="I4109" s="2"/>
      <c r="J4109" s="2"/>
      <c r="K4109" s="2"/>
      <c r="L4109" s="2"/>
    </row>
    <row r="4110" spans="1:12" s="17" customFormat="1" ht="27" customHeight="1" x14ac:dyDescent="0.15">
      <c r="A4110" s="13"/>
      <c r="B4110" s="14"/>
      <c r="C4110" s="13"/>
      <c r="D4110" s="14"/>
      <c r="E4110" s="14"/>
      <c r="F4110" s="16"/>
      <c r="G4110" s="2"/>
      <c r="H4110" s="2"/>
      <c r="I4110" s="2"/>
      <c r="J4110" s="2"/>
      <c r="K4110" s="2"/>
      <c r="L4110" s="2"/>
    </row>
    <row r="4111" spans="1:12" s="17" customFormat="1" ht="27" customHeight="1" x14ac:dyDescent="0.15">
      <c r="A4111" s="13"/>
      <c r="B4111" s="14"/>
      <c r="C4111" s="13"/>
      <c r="D4111" s="14"/>
      <c r="E4111" s="14"/>
      <c r="F4111" s="16"/>
      <c r="G4111" s="2"/>
      <c r="H4111" s="2"/>
      <c r="I4111" s="2"/>
      <c r="J4111" s="2"/>
      <c r="K4111" s="2"/>
      <c r="L4111" s="2"/>
    </row>
    <row r="4112" spans="1:12" s="17" customFormat="1" ht="27" customHeight="1" x14ac:dyDescent="0.15">
      <c r="A4112" s="13"/>
      <c r="B4112" s="14"/>
      <c r="C4112" s="13"/>
      <c r="D4112" s="14"/>
      <c r="E4112" s="14"/>
      <c r="F4112" s="16"/>
      <c r="G4112" s="2"/>
      <c r="H4112" s="2"/>
      <c r="I4112" s="2"/>
      <c r="J4112" s="2"/>
      <c r="K4112" s="2"/>
      <c r="L4112" s="2"/>
    </row>
    <row r="4113" spans="1:12" s="17" customFormat="1" ht="27" customHeight="1" x14ac:dyDescent="0.15">
      <c r="A4113" s="13"/>
      <c r="B4113" s="14"/>
      <c r="C4113" s="13"/>
      <c r="D4113" s="14"/>
      <c r="E4113" s="14"/>
      <c r="F4113" s="16"/>
      <c r="G4113" s="2"/>
      <c r="H4113" s="2"/>
      <c r="I4113" s="2"/>
      <c r="J4113" s="2"/>
      <c r="K4113" s="2"/>
      <c r="L4113" s="2"/>
    </row>
    <row r="4114" spans="1:12" s="17" customFormat="1" ht="27" customHeight="1" x14ac:dyDescent="0.15">
      <c r="A4114" s="13"/>
      <c r="B4114" s="14"/>
      <c r="C4114" s="13"/>
      <c r="D4114" s="14"/>
      <c r="E4114" s="14"/>
      <c r="F4114" s="16"/>
      <c r="G4114" s="2"/>
      <c r="H4114" s="2"/>
      <c r="I4114" s="2"/>
      <c r="J4114" s="2"/>
      <c r="K4114" s="2"/>
      <c r="L4114" s="2"/>
    </row>
    <row r="4115" spans="1:12" s="17" customFormat="1" ht="27" customHeight="1" x14ac:dyDescent="0.15">
      <c r="A4115" s="13"/>
      <c r="B4115" s="14"/>
      <c r="C4115" s="13"/>
      <c r="D4115" s="14"/>
      <c r="E4115" s="14"/>
      <c r="F4115" s="16"/>
      <c r="G4115" s="2"/>
      <c r="H4115" s="2"/>
      <c r="I4115" s="2"/>
      <c r="J4115" s="2"/>
      <c r="K4115" s="2"/>
      <c r="L4115" s="2"/>
    </row>
    <row r="4116" spans="1:12" s="17" customFormat="1" ht="27" customHeight="1" x14ac:dyDescent="0.15">
      <c r="A4116" s="13"/>
      <c r="B4116" s="14"/>
      <c r="C4116" s="13"/>
      <c r="D4116" s="14"/>
      <c r="E4116" s="14"/>
      <c r="F4116" s="16"/>
      <c r="G4116" s="2"/>
      <c r="H4116" s="2"/>
      <c r="I4116" s="2"/>
      <c r="J4116" s="2"/>
      <c r="K4116" s="2"/>
      <c r="L4116" s="2"/>
    </row>
    <row r="4117" spans="1:12" s="17" customFormat="1" ht="27" customHeight="1" x14ac:dyDescent="0.15">
      <c r="A4117" s="13"/>
      <c r="B4117" s="14"/>
      <c r="C4117" s="13"/>
      <c r="D4117" s="14"/>
      <c r="E4117" s="14"/>
      <c r="F4117" s="16"/>
      <c r="G4117" s="2"/>
      <c r="H4117" s="2"/>
      <c r="I4117" s="2"/>
      <c r="J4117" s="2"/>
      <c r="K4117" s="2"/>
      <c r="L4117" s="2"/>
    </row>
    <row r="4118" spans="1:12" s="17" customFormat="1" ht="27" customHeight="1" x14ac:dyDescent="0.15">
      <c r="A4118" s="13"/>
      <c r="B4118" s="14"/>
      <c r="C4118" s="13"/>
      <c r="D4118" s="14"/>
      <c r="E4118" s="14"/>
      <c r="F4118" s="16"/>
      <c r="G4118" s="2"/>
      <c r="H4118" s="2"/>
      <c r="I4118" s="2"/>
      <c r="J4118" s="2"/>
      <c r="K4118" s="2"/>
      <c r="L4118" s="2"/>
    </row>
    <row r="4119" spans="1:12" s="17" customFormat="1" ht="27" customHeight="1" x14ac:dyDescent="0.15">
      <c r="A4119" s="13"/>
      <c r="B4119" s="14"/>
      <c r="C4119" s="13"/>
      <c r="D4119" s="14"/>
      <c r="E4119" s="14"/>
      <c r="F4119" s="16"/>
      <c r="G4119" s="2"/>
      <c r="H4119" s="2"/>
      <c r="I4119" s="2"/>
      <c r="J4119" s="2"/>
      <c r="K4119" s="2"/>
      <c r="L4119" s="2"/>
    </row>
    <row r="4120" spans="1:12" s="17" customFormat="1" ht="27" customHeight="1" x14ac:dyDescent="0.15">
      <c r="A4120" s="13"/>
      <c r="B4120" s="14"/>
      <c r="C4120" s="13"/>
      <c r="D4120" s="14"/>
      <c r="E4120" s="14"/>
      <c r="F4120" s="16"/>
      <c r="G4120" s="2"/>
      <c r="H4120" s="2"/>
      <c r="I4120" s="2"/>
      <c r="J4120" s="2"/>
      <c r="K4120" s="2"/>
      <c r="L4120" s="2"/>
    </row>
    <row r="4121" spans="1:12" s="17" customFormat="1" ht="27" customHeight="1" x14ac:dyDescent="0.15">
      <c r="A4121" s="13"/>
      <c r="B4121" s="14"/>
      <c r="C4121" s="13"/>
      <c r="D4121" s="14"/>
      <c r="E4121" s="14"/>
      <c r="F4121" s="16"/>
      <c r="G4121" s="2"/>
      <c r="H4121" s="2"/>
      <c r="I4121" s="2"/>
      <c r="J4121" s="2"/>
      <c r="K4121" s="2"/>
      <c r="L4121" s="2"/>
    </row>
    <row r="4122" spans="1:12" s="17" customFormat="1" ht="27" customHeight="1" x14ac:dyDescent="0.15">
      <c r="A4122" s="13"/>
      <c r="B4122" s="14"/>
      <c r="C4122" s="13"/>
      <c r="D4122" s="14"/>
      <c r="E4122" s="14"/>
      <c r="F4122" s="16"/>
      <c r="G4122" s="2"/>
      <c r="H4122" s="2"/>
      <c r="I4122" s="2"/>
      <c r="J4122" s="2"/>
      <c r="K4122" s="2"/>
      <c r="L4122" s="2"/>
    </row>
    <row r="4123" spans="1:12" s="17" customFormat="1" ht="27" customHeight="1" x14ac:dyDescent="0.15">
      <c r="A4123" s="13"/>
      <c r="B4123" s="14"/>
      <c r="C4123" s="13"/>
      <c r="D4123" s="14"/>
      <c r="E4123" s="14"/>
      <c r="F4123" s="16"/>
      <c r="G4123" s="2"/>
      <c r="H4123" s="2"/>
      <c r="I4123" s="2"/>
      <c r="J4123" s="2"/>
      <c r="K4123" s="2"/>
      <c r="L4123" s="2"/>
    </row>
    <row r="4124" spans="1:12" s="17" customFormat="1" ht="27" customHeight="1" x14ac:dyDescent="0.15">
      <c r="A4124" s="13"/>
      <c r="B4124" s="14"/>
      <c r="C4124" s="13"/>
      <c r="D4124" s="14"/>
      <c r="E4124" s="14"/>
      <c r="F4124" s="16"/>
      <c r="G4124" s="2"/>
      <c r="H4124" s="2"/>
      <c r="I4124" s="2"/>
      <c r="J4124" s="2"/>
      <c r="K4124" s="2"/>
      <c r="L4124" s="2"/>
    </row>
    <row r="4125" spans="1:12" s="17" customFormat="1" ht="27" customHeight="1" x14ac:dyDescent="0.15">
      <c r="A4125" s="13"/>
      <c r="B4125" s="14"/>
      <c r="C4125" s="13"/>
      <c r="D4125" s="14"/>
      <c r="E4125" s="14"/>
      <c r="F4125" s="16"/>
      <c r="G4125" s="2"/>
      <c r="H4125" s="2"/>
      <c r="I4125" s="2"/>
      <c r="J4125" s="2"/>
      <c r="K4125" s="2"/>
      <c r="L4125" s="2"/>
    </row>
    <row r="4126" spans="1:12" s="17" customFormat="1" ht="27" customHeight="1" x14ac:dyDescent="0.15">
      <c r="A4126" s="13"/>
      <c r="B4126" s="14"/>
      <c r="C4126" s="13"/>
      <c r="D4126" s="14"/>
      <c r="E4126" s="14"/>
      <c r="F4126" s="16"/>
      <c r="G4126" s="2"/>
      <c r="H4126" s="2"/>
      <c r="I4126" s="2"/>
      <c r="J4126" s="2"/>
      <c r="K4126" s="2"/>
      <c r="L4126" s="2"/>
    </row>
    <row r="4127" spans="1:12" s="17" customFormat="1" ht="27" customHeight="1" x14ac:dyDescent="0.15">
      <c r="A4127" s="13"/>
      <c r="B4127" s="14"/>
      <c r="C4127" s="13"/>
      <c r="D4127" s="14"/>
      <c r="E4127" s="14"/>
      <c r="F4127" s="16"/>
      <c r="G4127" s="2"/>
      <c r="H4127" s="2"/>
      <c r="I4127" s="2"/>
      <c r="J4127" s="2"/>
      <c r="K4127" s="2"/>
      <c r="L4127" s="2"/>
    </row>
    <row r="4128" spans="1:12" s="17" customFormat="1" ht="27" customHeight="1" x14ac:dyDescent="0.15">
      <c r="A4128" s="13"/>
      <c r="B4128" s="14"/>
      <c r="C4128" s="13"/>
      <c r="D4128" s="14"/>
      <c r="E4128" s="14"/>
      <c r="F4128" s="16"/>
      <c r="G4128" s="2"/>
      <c r="H4128" s="2"/>
      <c r="I4128" s="2"/>
      <c r="J4128" s="2"/>
      <c r="K4128" s="2"/>
      <c r="L4128" s="2"/>
    </row>
    <row r="4129" spans="1:12" s="17" customFormat="1" ht="27" customHeight="1" x14ac:dyDescent="0.15">
      <c r="A4129" s="13"/>
      <c r="B4129" s="14"/>
      <c r="C4129" s="13"/>
      <c r="D4129" s="14"/>
      <c r="E4129" s="14"/>
      <c r="F4129" s="16"/>
      <c r="G4129" s="2"/>
      <c r="H4129" s="2"/>
      <c r="I4129" s="2"/>
      <c r="J4129" s="2"/>
      <c r="K4129" s="2"/>
      <c r="L4129" s="2"/>
    </row>
    <row r="4130" spans="1:12" s="17" customFormat="1" ht="27" customHeight="1" x14ac:dyDescent="0.15">
      <c r="A4130" s="13"/>
      <c r="B4130" s="14"/>
      <c r="C4130" s="13"/>
      <c r="D4130" s="14"/>
      <c r="E4130" s="14"/>
      <c r="F4130" s="16"/>
      <c r="G4130" s="2"/>
      <c r="H4130" s="2"/>
      <c r="I4130" s="2"/>
      <c r="J4130" s="2"/>
      <c r="K4130" s="2"/>
      <c r="L4130" s="2"/>
    </row>
    <row r="4131" spans="1:12" s="17" customFormat="1" ht="27" customHeight="1" x14ac:dyDescent="0.15">
      <c r="A4131" s="13"/>
      <c r="B4131" s="14"/>
      <c r="C4131" s="13"/>
      <c r="D4131" s="14"/>
      <c r="E4131" s="14"/>
      <c r="F4131" s="16"/>
      <c r="G4131" s="2"/>
      <c r="H4131" s="2"/>
      <c r="I4131" s="2"/>
      <c r="J4131" s="2"/>
      <c r="K4131" s="2"/>
      <c r="L4131" s="2"/>
    </row>
    <row r="4132" spans="1:12" s="17" customFormat="1" ht="27" customHeight="1" x14ac:dyDescent="0.15">
      <c r="A4132" s="13"/>
      <c r="B4132" s="14"/>
      <c r="C4132" s="13"/>
      <c r="D4132" s="14"/>
      <c r="E4132" s="14"/>
      <c r="F4132" s="16"/>
      <c r="G4132" s="2"/>
      <c r="H4132" s="2"/>
      <c r="I4132" s="2"/>
      <c r="J4132" s="2"/>
      <c r="K4132" s="2"/>
      <c r="L4132" s="2"/>
    </row>
    <row r="4133" spans="1:12" s="17" customFormat="1" ht="27" customHeight="1" x14ac:dyDescent="0.15">
      <c r="A4133" s="13"/>
      <c r="B4133" s="14"/>
      <c r="C4133" s="13"/>
      <c r="D4133" s="14"/>
      <c r="E4133" s="14"/>
      <c r="F4133" s="16"/>
      <c r="G4133" s="2"/>
      <c r="H4133" s="2"/>
      <c r="I4133" s="2"/>
      <c r="J4133" s="2"/>
      <c r="K4133" s="2"/>
      <c r="L4133" s="2"/>
    </row>
    <row r="4134" spans="1:12" s="17" customFormat="1" ht="27" customHeight="1" x14ac:dyDescent="0.15">
      <c r="A4134" s="13"/>
      <c r="B4134" s="14"/>
      <c r="C4134" s="13"/>
      <c r="D4134" s="14"/>
      <c r="E4134" s="14"/>
      <c r="F4134" s="16"/>
      <c r="G4134" s="2"/>
      <c r="H4134" s="2"/>
      <c r="I4134" s="2"/>
      <c r="J4134" s="2"/>
      <c r="K4134" s="2"/>
      <c r="L4134" s="2"/>
    </row>
    <row r="4135" spans="1:12" s="17" customFormat="1" ht="27" customHeight="1" x14ac:dyDescent="0.15">
      <c r="A4135" s="13"/>
      <c r="B4135" s="14"/>
      <c r="C4135" s="13"/>
      <c r="D4135" s="14"/>
      <c r="E4135" s="14"/>
      <c r="F4135" s="16"/>
      <c r="G4135" s="2"/>
      <c r="H4135" s="2"/>
      <c r="I4135" s="2"/>
      <c r="J4135" s="2"/>
      <c r="K4135" s="2"/>
      <c r="L4135" s="2"/>
    </row>
    <row r="4136" spans="1:12" s="17" customFormat="1" ht="27" customHeight="1" x14ac:dyDescent="0.15">
      <c r="A4136" s="13"/>
      <c r="B4136" s="14"/>
      <c r="C4136" s="13"/>
      <c r="D4136" s="14"/>
      <c r="E4136" s="14"/>
      <c r="F4136" s="16"/>
      <c r="G4136" s="2"/>
      <c r="H4136" s="2"/>
      <c r="I4136" s="2"/>
      <c r="J4136" s="2"/>
      <c r="K4136" s="2"/>
      <c r="L4136" s="2"/>
    </row>
    <row r="4137" spans="1:12" s="17" customFormat="1" ht="27" customHeight="1" x14ac:dyDescent="0.15">
      <c r="A4137" s="13"/>
      <c r="B4137" s="14"/>
      <c r="C4137" s="13"/>
      <c r="D4137" s="14"/>
      <c r="E4137" s="14"/>
      <c r="F4137" s="16"/>
      <c r="G4137" s="2"/>
      <c r="H4137" s="2"/>
      <c r="I4137" s="2"/>
      <c r="J4137" s="2"/>
      <c r="K4137" s="2"/>
      <c r="L4137" s="2"/>
    </row>
    <row r="4138" spans="1:12" s="17" customFormat="1" ht="27" customHeight="1" x14ac:dyDescent="0.15">
      <c r="A4138" s="13"/>
      <c r="B4138" s="14"/>
      <c r="C4138" s="13"/>
      <c r="D4138" s="14"/>
      <c r="E4138" s="14"/>
      <c r="F4138" s="16"/>
      <c r="G4138" s="2"/>
      <c r="H4138" s="2"/>
      <c r="I4138" s="2"/>
      <c r="J4138" s="2"/>
      <c r="K4138" s="2"/>
      <c r="L4138" s="2"/>
    </row>
    <row r="4139" spans="1:12" s="17" customFormat="1" ht="27" customHeight="1" x14ac:dyDescent="0.15">
      <c r="A4139" s="13"/>
      <c r="B4139" s="14"/>
      <c r="C4139" s="13"/>
      <c r="D4139" s="14"/>
      <c r="E4139" s="14"/>
      <c r="F4139" s="16"/>
      <c r="G4139" s="2"/>
      <c r="H4139" s="2"/>
      <c r="I4139" s="2"/>
      <c r="J4139" s="2"/>
      <c r="K4139" s="2"/>
      <c r="L4139" s="2"/>
    </row>
    <row r="4140" spans="1:12" s="17" customFormat="1" ht="27" customHeight="1" x14ac:dyDescent="0.15">
      <c r="A4140" s="13"/>
      <c r="B4140" s="14"/>
      <c r="C4140" s="13"/>
      <c r="D4140" s="14"/>
      <c r="E4140" s="14"/>
      <c r="F4140" s="16"/>
      <c r="G4140" s="2"/>
      <c r="H4140" s="2"/>
      <c r="I4140" s="2"/>
      <c r="J4140" s="2"/>
      <c r="K4140" s="2"/>
      <c r="L4140" s="2"/>
    </row>
    <row r="4141" spans="1:12" s="17" customFormat="1" ht="27" customHeight="1" x14ac:dyDescent="0.15">
      <c r="A4141" s="13"/>
      <c r="B4141" s="14"/>
      <c r="C4141" s="13"/>
      <c r="D4141" s="14"/>
      <c r="E4141" s="14"/>
      <c r="F4141" s="16"/>
      <c r="G4141" s="2"/>
      <c r="H4141" s="2"/>
      <c r="I4141" s="2"/>
      <c r="J4141" s="2"/>
      <c r="K4141" s="2"/>
      <c r="L4141" s="2"/>
    </row>
    <row r="4142" spans="1:12" s="17" customFormat="1" ht="27" customHeight="1" x14ac:dyDescent="0.15">
      <c r="A4142" s="13"/>
      <c r="B4142" s="14"/>
      <c r="C4142" s="13"/>
      <c r="D4142" s="14"/>
      <c r="E4142" s="14"/>
      <c r="F4142" s="16"/>
      <c r="G4142" s="2"/>
      <c r="H4142" s="2"/>
      <c r="I4142" s="2"/>
      <c r="J4142" s="2"/>
      <c r="K4142" s="2"/>
      <c r="L4142" s="2"/>
    </row>
    <row r="4143" spans="1:12" s="17" customFormat="1" ht="27" customHeight="1" x14ac:dyDescent="0.15">
      <c r="A4143" s="13"/>
      <c r="B4143" s="14"/>
      <c r="C4143" s="13"/>
      <c r="D4143" s="14"/>
      <c r="E4143" s="14"/>
      <c r="F4143" s="16"/>
      <c r="G4143" s="2"/>
      <c r="H4143" s="2"/>
      <c r="I4143" s="2"/>
      <c r="J4143" s="2"/>
      <c r="K4143" s="2"/>
      <c r="L4143" s="2"/>
    </row>
    <row r="4144" spans="1:12" s="17" customFormat="1" ht="27" customHeight="1" x14ac:dyDescent="0.15">
      <c r="A4144" s="13"/>
      <c r="B4144" s="14"/>
      <c r="C4144" s="13"/>
      <c r="D4144" s="14"/>
      <c r="E4144" s="14"/>
      <c r="F4144" s="16"/>
      <c r="G4144" s="2"/>
      <c r="H4144" s="2"/>
      <c r="I4144" s="2"/>
      <c r="J4144" s="2"/>
      <c r="K4144" s="2"/>
      <c r="L4144" s="2"/>
    </row>
    <row r="4145" spans="1:12" s="17" customFormat="1" ht="27" customHeight="1" x14ac:dyDescent="0.15">
      <c r="A4145" s="13"/>
      <c r="B4145" s="14"/>
      <c r="C4145" s="13"/>
      <c r="D4145" s="14"/>
      <c r="E4145" s="14"/>
      <c r="F4145" s="16"/>
      <c r="G4145" s="2"/>
      <c r="H4145" s="2"/>
      <c r="I4145" s="2"/>
      <c r="J4145" s="2"/>
      <c r="K4145" s="2"/>
      <c r="L4145" s="2"/>
    </row>
    <row r="4146" spans="1:12" s="17" customFormat="1" ht="27" customHeight="1" x14ac:dyDescent="0.15">
      <c r="A4146" s="13"/>
      <c r="B4146" s="14"/>
      <c r="C4146" s="13"/>
      <c r="D4146" s="14"/>
      <c r="E4146" s="14"/>
      <c r="F4146" s="16"/>
      <c r="G4146" s="2"/>
      <c r="H4146" s="2"/>
      <c r="I4146" s="2"/>
      <c r="J4146" s="2"/>
      <c r="K4146" s="2"/>
      <c r="L4146" s="2"/>
    </row>
    <row r="4147" spans="1:12" s="17" customFormat="1" ht="27" customHeight="1" x14ac:dyDescent="0.15">
      <c r="A4147" s="13"/>
      <c r="B4147" s="14"/>
      <c r="C4147" s="13"/>
      <c r="D4147" s="14"/>
      <c r="E4147" s="14"/>
      <c r="F4147" s="16"/>
      <c r="G4147" s="2"/>
      <c r="H4147" s="2"/>
      <c r="I4147" s="2"/>
      <c r="J4147" s="2"/>
      <c r="K4147" s="2"/>
      <c r="L4147" s="2"/>
    </row>
    <row r="4148" spans="1:12" s="17" customFormat="1" ht="27" customHeight="1" x14ac:dyDescent="0.15">
      <c r="A4148" s="13"/>
      <c r="B4148" s="14"/>
      <c r="C4148" s="13"/>
      <c r="D4148" s="14"/>
      <c r="E4148" s="14"/>
      <c r="F4148" s="16"/>
      <c r="G4148" s="2"/>
      <c r="H4148" s="2"/>
      <c r="I4148" s="2"/>
      <c r="J4148" s="2"/>
      <c r="K4148" s="2"/>
      <c r="L4148" s="2"/>
    </row>
    <row r="4149" spans="1:12" s="17" customFormat="1" ht="27" customHeight="1" x14ac:dyDescent="0.15">
      <c r="A4149" s="13"/>
      <c r="B4149" s="14"/>
      <c r="C4149" s="13"/>
      <c r="D4149" s="14"/>
      <c r="E4149" s="14"/>
      <c r="F4149" s="16"/>
      <c r="G4149" s="2"/>
      <c r="H4149" s="2"/>
      <c r="I4149" s="2"/>
      <c r="J4149" s="2"/>
      <c r="K4149" s="2"/>
      <c r="L4149" s="2"/>
    </row>
    <row r="4150" spans="1:12" s="17" customFormat="1" ht="27" customHeight="1" x14ac:dyDescent="0.15">
      <c r="A4150" s="13"/>
      <c r="B4150" s="14"/>
      <c r="C4150" s="13"/>
      <c r="D4150" s="14"/>
      <c r="E4150" s="14"/>
      <c r="F4150" s="16"/>
      <c r="G4150" s="2"/>
      <c r="H4150" s="2"/>
      <c r="I4150" s="2"/>
      <c r="J4150" s="2"/>
      <c r="K4150" s="2"/>
      <c r="L4150" s="2"/>
    </row>
    <row r="4151" spans="1:12" s="17" customFormat="1" ht="27" customHeight="1" x14ac:dyDescent="0.15">
      <c r="A4151" s="13"/>
      <c r="B4151" s="14"/>
      <c r="C4151" s="13"/>
      <c r="D4151" s="14"/>
      <c r="E4151" s="14"/>
      <c r="F4151" s="16"/>
      <c r="G4151" s="2"/>
      <c r="H4151" s="2"/>
      <c r="I4151" s="2"/>
      <c r="J4151" s="2"/>
      <c r="K4151" s="2"/>
      <c r="L4151" s="2"/>
    </row>
    <row r="4152" spans="1:12" s="17" customFormat="1" ht="27" customHeight="1" x14ac:dyDescent="0.15">
      <c r="A4152" s="13"/>
      <c r="B4152" s="14"/>
      <c r="C4152" s="13"/>
      <c r="D4152" s="14"/>
      <c r="E4152" s="14"/>
      <c r="F4152" s="16"/>
      <c r="G4152" s="2"/>
      <c r="H4152" s="2"/>
      <c r="I4152" s="2"/>
      <c r="J4152" s="2"/>
      <c r="K4152" s="2"/>
      <c r="L4152" s="2"/>
    </row>
    <row r="4153" spans="1:12" s="17" customFormat="1" ht="27" customHeight="1" x14ac:dyDescent="0.15">
      <c r="A4153" s="13"/>
      <c r="B4153" s="14"/>
      <c r="C4153" s="13"/>
      <c r="D4153" s="14"/>
      <c r="E4153" s="14"/>
      <c r="F4153" s="16"/>
      <c r="G4153" s="2"/>
      <c r="H4153" s="2"/>
      <c r="I4153" s="2"/>
      <c r="J4153" s="2"/>
      <c r="K4153" s="2"/>
      <c r="L4153" s="2"/>
    </row>
    <row r="4154" spans="1:12" s="17" customFormat="1" ht="27" customHeight="1" x14ac:dyDescent="0.15">
      <c r="A4154" s="13"/>
      <c r="B4154" s="14"/>
      <c r="C4154" s="13"/>
      <c r="D4154" s="14"/>
      <c r="E4154" s="14"/>
      <c r="F4154" s="16"/>
      <c r="G4154" s="2"/>
      <c r="H4154" s="2"/>
      <c r="I4154" s="2"/>
      <c r="J4154" s="2"/>
      <c r="K4154" s="2"/>
      <c r="L4154" s="2"/>
    </row>
    <row r="4155" spans="1:12" s="17" customFormat="1" ht="27" customHeight="1" x14ac:dyDescent="0.15">
      <c r="A4155" s="13"/>
      <c r="B4155" s="14"/>
      <c r="C4155" s="13"/>
      <c r="D4155" s="14"/>
      <c r="E4155" s="14"/>
      <c r="F4155" s="16"/>
      <c r="G4155" s="2"/>
      <c r="H4155" s="2"/>
      <c r="I4155" s="2"/>
      <c r="J4155" s="2"/>
      <c r="K4155" s="2"/>
      <c r="L4155" s="2"/>
    </row>
    <row r="4156" spans="1:12" s="17" customFormat="1" ht="27" customHeight="1" x14ac:dyDescent="0.15">
      <c r="A4156" s="13"/>
      <c r="B4156" s="14"/>
      <c r="C4156" s="13"/>
      <c r="D4156" s="14"/>
      <c r="E4156" s="14"/>
      <c r="F4156" s="16"/>
      <c r="G4156" s="2"/>
      <c r="H4156" s="2"/>
      <c r="I4156" s="2"/>
      <c r="J4156" s="2"/>
      <c r="K4156" s="2"/>
      <c r="L4156" s="2"/>
    </row>
    <row r="4157" spans="1:12" s="17" customFormat="1" ht="27" customHeight="1" x14ac:dyDescent="0.15">
      <c r="A4157" s="13"/>
      <c r="B4157" s="14"/>
      <c r="C4157" s="13"/>
      <c r="D4157" s="14"/>
      <c r="E4157" s="14"/>
      <c r="F4157" s="16"/>
      <c r="G4157" s="2"/>
      <c r="H4157" s="2"/>
      <c r="I4157" s="2"/>
      <c r="J4157" s="2"/>
      <c r="K4157" s="2"/>
      <c r="L4157" s="2"/>
    </row>
    <row r="4158" spans="1:12" s="17" customFormat="1" ht="27" customHeight="1" x14ac:dyDescent="0.15">
      <c r="A4158" s="13"/>
      <c r="B4158" s="14"/>
      <c r="C4158" s="13"/>
      <c r="D4158" s="14"/>
      <c r="E4158" s="14"/>
      <c r="F4158" s="16"/>
      <c r="G4158" s="2"/>
      <c r="H4158" s="2"/>
      <c r="I4158" s="2"/>
      <c r="J4158" s="2"/>
      <c r="K4158" s="2"/>
      <c r="L4158" s="2"/>
    </row>
    <row r="4159" spans="1:12" s="17" customFormat="1" ht="27" customHeight="1" x14ac:dyDescent="0.15">
      <c r="A4159" s="13"/>
      <c r="B4159" s="14"/>
      <c r="C4159" s="13"/>
      <c r="D4159" s="14"/>
      <c r="E4159" s="14"/>
      <c r="F4159" s="16"/>
      <c r="G4159" s="2"/>
      <c r="H4159" s="2"/>
      <c r="I4159" s="2"/>
      <c r="J4159" s="2"/>
      <c r="K4159" s="2"/>
      <c r="L4159" s="2"/>
    </row>
    <row r="4160" spans="1:12" s="17" customFormat="1" ht="27" customHeight="1" x14ac:dyDescent="0.15">
      <c r="A4160" s="13"/>
      <c r="B4160" s="14"/>
      <c r="C4160" s="13"/>
      <c r="D4160" s="14"/>
      <c r="E4160" s="14"/>
      <c r="F4160" s="16"/>
      <c r="G4160" s="2"/>
      <c r="H4160" s="2"/>
      <c r="I4160" s="2"/>
      <c r="J4160" s="2"/>
      <c r="K4160" s="2"/>
      <c r="L4160" s="2"/>
    </row>
    <row r="4161" spans="1:12" s="17" customFormat="1" ht="27" customHeight="1" x14ac:dyDescent="0.15">
      <c r="A4161" s="13"/>
      <c r="B4161" s="14"/>
      <c r="C4161" s="13"/>
      <c r="D4161" s="14"/>
      <c r="E4161" s="14"/>
      <c r="F4161" s="16"/>
      <c r="G4161" s="2"/>
      <c r="H4161" s="2"/>
      <c r="I4161" s="2"/>
      <c r="J4161" s="2"/>
      <c r="K4161" s="2"/>
      <c r="L4161" s="2"/>
    </row>
    <row r="4162" spans="1:12" s="17" customFormat="1" ht="27" customHeight="1" x14ac:dyDescent="0.15">
      <c r="A4162" s="13"/>
      <c r="B4162" s="14"/>
      <c r="C4162" s="13"/>
      <c r="D4162" s="14"/>
      <c r="E4162" s="14"/>
      <c r="F4162" s="16"/>
      <c r="G4162" s="2"/>
      <c r="H4162" s="2"/>
      <c r="I4162" s="2"/>
      <c r="J4162" s="2"/>
      <c r="K4162" s="2"/>
      <c r="L4162" s="2"/>
    </row>
    <row r="4163" spans="1:12" s="17" customFormat="1" ht="27" customHeight="1" x14ac:dyDescent="0.15">
      <c r="A4163" s="13"/>
      <c r="B4163" s="14"/>
      <c r="C4163" s="13"/>
      <c r="D4163" s="14"/>
      <c r="E4163" s="14"/>
      <c r="F4163" s="16"/>
      <c r="G4163" s="2"/>
      <c r="H4163" s="2"/>
      <c r="I4163" s="2"/>
      <c r="J4163" s="2"/>
      <c r="K4163" s="2"/>
      <c r="L4163" s="2"/>
    </row>
    <row r="4164" spans="1:12" s="17" customFormat="1" ht="27" customHeight="1" x14ac:dyDescent="0.15">
      <c r="A4164" s="13"/>
      <c r="B4164" s="14"/>
      <c r="C4164" s="13"/>
      <c r="D4164" s="14"/>
      <c r="E4164" s="14"/>
      <c r="F4164" s="16"/>
      <c r="G4164" s="2"/>
      <c r="H4164" s="2"/>
      <c r="I4164" s="2"/>
      <c r="J4164" s="2"/>
      <c r="K4164" s="2"/>
      <c r="L4164" s="2"/>
    </row>
    <row r="4165" spans="1:12" s="17" customFormat="1" ht="27" customHeight="1" x14ac:dyDescent="0.15">
      <c r="A4165" s="13"/>
      <c r="B4165" s="14"/>
      <c r="C4165" s="13"/>
      <c r="D4165" s="14"/>
      <c r="E4165" s="14"/>
      <c r="F4165" s="16"/>
      <c r="G4165" s="2"/>
      <c r="H4165" s="2"/>
      <c r="I4165" s="2"/>
      <c r="J4165" s="2"/>
      <c r="K4165" s="2"/>
      <c r="L4165" s="2"/>
    </row>
    <row r="4166" spans="1:12" s="17" customFormat="1" ht="27" customHeight="1" x14ac:dyDescent="0.15">
      <c r="A4166" s="13"/>
      <c r="B4166" s="14"/>
      <c r="C4166" s="13"/>
      <c r="D4166" s="14"/>
      <c r="E4166" s="14"/>
      <c r="F4166" s="16"/>
      <c r="G4166" s="2"/>
      <c r="H4166" s="2"/>
      <c r="I4166" s="2"/>
      <c r="J4166" s="2"/>
      <c r="K4166" s="2"/>
      <c r="L4166" s="2"/>
    </row>
    <row r="4167" spans="1:12" s="17" customFormat="1" ht="27" customHeight="1" x14ac:dyDescent="0.15">
      <c r="A4167" s="13"/>
      <c r="B4167" s="14"/>
      <c r="C4167" s="13"/>
      <c r="D4167" s="14"/>
      <c r="E4167" s="14"/>
      <c r="F4167" s="16"/>
      <c r="G4167" s="2"/>
      <c r="H4167" s="2"/>
      <c r="I4167" s="2"/>
      <c r="J4167" s="2"/>
      <c r="K4167" s="2"/>
      <c r="L4167" s="2"/>
    </row>
    <row r="4168" spans="1:12" s="17" customFormat="1" ht="27" customHeight="1" x14ac:dyDescent="0.15">
      <c r="A4168" s="13"/>
      <c r="B4168" s="14"/>
      <c r="C4168" s="13"/>
      <c r="D4168" s="14"/>
      <c r="E4168" s="14"/>
      <c r="F4168" s="16"/>
      <c r="G4168" s="2"/>
      <c r="H4168" s="2"/>
      <c r="I4168" s="2"/>
      <c r="J4168" s="2"/>
      <c r="K4168" s="2"/>
      <c r="L4168" s="2"/>
    </row>
    <row r="4169" spans="1:12" s="17" customFormat="1" ht="27" customHeight="1" x14ac:dyDescent="0.15">
      <c r="A4169" s="13"/>
      <c r="B4169" s="14"/>
      <c r="C4169" s="13"/>
      <c r="D4169" s="14"/>
      <c r="E4169" s="14"/>
      <c r="F4169" s="16"/>
      <c r="G4169" s="2"/>
      <c r="H4169" s="2"/>
      <c r="I4169" s="2"/>
      <c r="J4169" s="2"/>
      <c r="K4169" s="2"/>
      <c r="L4169" s="2"/>
    </row>
    <row r="4170" spans="1:12" s="17" customFormat="1" ht="27" customHeight="1" x14ac:dyDescent="0.15">
      <c r="A4170" s="13"/>
      <c r="B4170" s="14"/>
      <c r="C4170" s="13"/>
      <c r="D4170" s="14"/>
      <c r="E4170" s="14"/>
      <c r="F4170" s="16"/>
      <c r="G4170" s="2"/>
      <c r="H4170" s="2"/>
      <c r="I4170" s="2"/>
      <c r="J4170" s="2"/>
      <c r="K4170" s="2"/>
      <c r="L4170" s="2"/>
    </row>
    <row r="4171" spans="1:12" s="17" customFormat="1" ht="27" customHeight="1" x14ac:dyDescent="0.15">
      <c r="A4171" s="13"/>
      <c r="B4171" s="14"/>
      <c r="C4171" s="13"/>
      <c r="D4171" s="14"/>
      <c r="E4171" s="14"/>
      <c r="F4171" s="16"/>
      <c r="G4171" s="2"/>
      <c r="H4171" s="2"/>
      <c r="I4171" s="2"/>
      <c r="J4171" s="2"/>
      <c r="K4171" s="2"/>
      <c r="L4171" s="2"/>
    </row>
    <row r="4172" spans="1:12" s="17" customFormat="1" ht="27" customHeight="1" x14ac:dyDescent="0.15">
      <c r="A4172" s="13"/>
      <c r="B4172" s="14"/>
      <c r="C4172" s="13"/>
      <c r="D4172" s="14"/>
      <c r="E4172" s="14"/>
      <c r="F4172" s="16"/>
      <c r="G4172" s="2"/>
      <c r="H4172" s="2"/>
      <c r="I4172" s="2"/>
      <c r="J4172" s="2"/>
      <c r="K4172" s="2"/>
      <c r="L4172" s="2"/>
    </row>
    <row r="4173" spans="1:12" s="17" customFormat="1" ht="27" customHeight="1" x14ac:dyDescent="0.15">
      <c r="A4173" s="13"/>
      <c r="B4173" s="14"/>
      <c r="C4173" s="13"/>
      <c r="D4173" s="14"/>
      <c r="E4173" s="14"/>
      <c r="F4173" s="16"/>
      <c r="G4173" s="2"/>
      <c r="H4173" s="2"/>
      <c r="I4173" s="2"/>
      <c r="J4173" s="2"/>
      <c r="K4173" s="2"/>
      <c r="L4173" s="2"/>
    </row>
    <row r="4174" spans="1:12" s="17" customFormat="1" ht="27" customHeight="1" x14ac:dyDescent="0.15">
      <c r="A4174" s="13"/>
      <c r="B4174" s="14"/>
      <c r="C4174" s="13"/>
      <c r="D4174" s="14"/>
      <c r="E4174" s="14"/>
      <c r="F4174" s="16"/>
      <c r="G4174" s="2"/>
      <c r="H4174" s="2"/>
      <c r="I4174" s="2"/>
      <c r="J4174" s="2"/>
      <c r="K4174" s="2"/>
      <c r="L4174" s="2"/>
    </row>
    <row r="4175" spans="1:12" s="17" customFormat="1" ht="27" customHeight="1" x14ac:dyDescent="0.15">
      <c r="A4175" s="13"/>
      <c r="B4175" s="14"/>
      <c r="C4175" s="13"/>
      <c r="D4175" s="14"/>
      <c r="E4175" s="14"/>
      <c r="F4175" s="16"/>
      <c r="G4175" s="2"/>
      <c r="H4175" s="2"/>
      <c r="I4175" s="2"/>
      <c r="J4175" s="2"/>
      <c r="K4175" s="2"/>
      <c r="L4175" s="2"/>
    </row>
    <row r="4176" spans="1:12" s="17" customFormat="1" ht="27" customHeight="1" x14ac:dyDescent="0.15">
      <c r="A4176" s="13"/>
      <c r="B4176" s="14"/>
      <c r="C4176" s="13"/>
      <c r="D4176" s="14"/>
      <c r="E4176" s="14"/>
      <c r="F4176" s="16"/>
      <c r="G4176" s="2"/>
      <c r="H4176" s="2"/>
      <c r="I4176" s="2"/>
      <c r="J4176" s="2"/>
      <c r="K4176" s="2"/>
      <c r="L4176" s="2"/>
    </row>
    <row r="4177" spans="1:12" s="17" customFormat="1" ht="27" customHeight="1" x14ac:dyDescent="0.15">
      <c r="A4177" s="13"/>
      <c r="B4177" s="14"/>
      <c r="C4177" s="13"/>
      <c r="D4177" s="14"/>
      <c r="E4177" s="14"/>
      <c r="F4177" s="16"/>
      <c r="G4177" s="2"/>
      <c r="H4177" s="2"/>
      <c r="I4177" s="2"/>
      <c r="J4177" s="2"/>
      <c r="K4177" s="2"/>
      <c r="L4177" s="2"/>
    </row>
    <row r="4178" spans="1:12" s="17" customFormat="1" ht="27" customHeight="1" x14ac:dyDescent="0.15">
      <c r="A4178" s="13"/>
      <c r="B4178" s="14"/>
      <c r="C4178" s="13"/>
      <c r="D4178" s="14"/>
      <c r="E4178" s="14"/>
      <c r="F4178" s="16"/>
      <c r="G4178" s="2"/>
      <c r="H4178" s="2"/>
      <c r="I4178" s="2"/>
      <c r="J4178" s="2"/>
      <c r="K4178" s="2"/>
      <c r="L4178" s="2"/>
    </row>
    <row r="4179" spans="1:12" s="17" customFormat="1" ht="27" customHeight="1" x14ac:dyDescent="0.15">
      <c r="A4179" s="13"/>
      <c r="B4179" s="14"/>
      <c r="C4179" s="13"/>
      <c r="D4179" s="14"/>
      <c r="E4179" s="14"/>
      <c r="F4179" s="16"/>
      <c r="G4179" s="2"/>
      <c r="H4179" s="2"/>
      <c r="I4179" s="2"/>
      <c r="J4179" s="2"/>
      <c r="K4179" s="2"/>
      <c r="L4179" s="2"/>
    </row>
    <row r="4180" spans="1:12" s="17" customFormat="1" ht="27" customHeight="1" x14ac:dyDescent="0.15">
      <c r="A4180" s="13"/>
      <c r="B4180" s="14"/>
      <c r="C4180" s="13"/>
      <c r="D4180" s="14"/>
      <c r="E4180" s="14"/>
      <c r="F4180" s="16"/>
      <c r="G4180" s="2"/>
      <c r="H4180" s="2"/>
      <c r="I4180" s="2"/>
      <c r="J4180" s="2"/>
      <c r="K4180" s="2"/>
      <c r="L4180" s="2"/>
    </row>
    <row r="4181" spans="1:12" s="17" customFormat="1" ht="27" customHeight="1" x14ac:dyDescent="0.15">
      <c r="A4181" s="13"/>
      <c r="B4181" s="14"/>
      <c r="C4181" s="13"/>
      <c r="D4181" s="14"/>
      <c r="E4181" s="14"/>
      <c r="F4181" s="16"/>
      <c r="G4181" s="2"/>
      <c r="H4181" s="2"/>
      <c r="I4181" s="2"/>
      <c r="J4181" s="2"/>
      <c r="K4181" s="2"/>
      <c r="L4181" s="2"/>
    </row>
    <row r="4182" spans="1:12" s="17" customFormat="1" ht="27" customHeight="1" x14ac:dyDescent="0.15">
      <c r="A4182" s="13"/>
      <c r="B4182" s="14"/>
      <c r="C4182" s="13"/>
      <c r="D4182" s="14"/>
      <c r="E4182" s="14"/>
      <c r="F4182" s="16"/>
      <c r="G4182" s="2"/>
      <c r="H4182" s="2"/>
      <c r="I4182" s="2"/>
      <c r="J4182" s="2"/>
      <c r="K4182" s="2"/>
      <c r="L4182" s="2"/>
    </row>
    <row r="4183" spans="1:12" s="17" customFormat="1" ht="27" customHeight="1" x14ac:dyDescent="0.15">
      <c r="A4183" s="13"/>
      <c r="B4183" s="14"/>
      <c r="C4183" s="13"/>
      <c r="D4183" s="14"/>
      <c r="E4183" s="14"/>
      <c r="F4183" s="16"/>
      <c r="G4183" s="2"/>
      <c r="H4183" s="2"/>
      <c r="I4183" s="2"/>
      <c r="J4183" s="2"/>
      <c r="K4183" s="2"/>
      <c r="L4183" s="2"/>
    </row>
    <row r="4184" spans="1:12" s="17" customFormat="1" ht="27" customHeight="1" x14ac:dyDescent="0.15">
      <c r="A4184" s="13"/>
      <c r="B4184" s="14"/>
      <c r="C4184" s="13"/>
      <c r="D4184" s="14"/>
      <c r="E4184" s="14"/>
      <c r="F4184" s="16"/>
      <c r="G4184" s="2"/>
      <c r="H4184" s="2"/>
      <c r="I4184" s="2"/>
      <c r="J4184" s="2"/>
      <c r="K4184" s="2"/>
      <c r="L4184" s="2"/>
    </row>
    <row r="4185" spans="1:12" s="17" customFormat="1" ht="27" customHeight="1" x14ac:dyDescent="0.15">
      <c r="A4185" s="13"/>
      <c r="B4185" s="14"/>
      <c r="C4185" s="13"/>
      <c r="D4185" s="14"/>
      <c r="E4185" s="14"/>
      <c r="F4185" s="16"/>
      <c r="G4185" s="2"/>
      <c r="H4185" s="2"/>
      <c r="I4185" s="2"/>
      <c r="J4185" s="2"/>
      <c r="K4185" s="2"/>
      <c r="L4185" s="2"/>
    </row>
    <row r="4186" spans="1:12" s="17" customFormat="1" ht="27" customHeight="1" x14ac:dyDescent="0.15">
      <c r="A4186" s="13"/>
      <c r="B4186" s="14"/>
      <c r="C4186" s="13"/>
      <c r="D4186" s="14"/>
      <c r="E4186" s="14"/>
      <c r="F4186" s="16"/>
      <c r="G4186" s="2"/>
      <c r="H4186" s="2"/>
      <c r="I4186" s="2"/>
      <c r="J4186" s="2"/>
      <c r="K4186" s="2"/>
      <c r="L4186" s="2"/>
    </row>
    <row r="4187" spans="1:12" s="17" customFormat="1" ht="27" customHeight="1" x14ac:dyDescent="0.15">
      <c r="A4187" s="13"/>
      <c r="B4187" s="14"/>
      <c r="C4187" s="13"/>
      <c r="D4187" s="14"/>
      <c r="E4187" s="14"/>
      <c r="F4187" s="16"/>
      <c r="G4187" s="2"/>
      <c r="H4187" s="2"/>
      <c r="I4187" s="2"/>
      <c r="J4187" s="2"/>
      <c r="K4187" s="2"/>
      <c r="L4187" s="2"/>
    </row>
    <row r="4188" spans="1:12" s="17" customFormat="1" ht="27" customHeight="1" x14ac:dyDescent="0.15">
      <c r="A4188" s="13"/>
      <c r="B4188" s="14"/>
      <c r="C4188" s="13"/>
      <c r="D4188" s="14"/>
      <c r="E4188" s="14"/>
      <c r="F4188" s="16"/>
      <c r="G4188" s="2"/>
      <c r="H4188" s="2"/>
      <c r="I4188" s="2"/>
      <c r="J4188" s="2"/>
      <c r="K4188" s="2"/>
      <c r="L4188" s="2"/>
    </row>
    <row r="4189" spans="1:12" s="17" customFormat="1" ht="27" customHeight="1" x14ac:dyDescent="0.15">
      <c r="A4189" s="13"/>
      <c r="B4189" s="14"/>
      <c r="C4189" s="13"/>
      <c r="D4189" s="14"/>
      <c r="E4189" s="14"/>
      <c r="F4189" s="16"/>
      <c r="G4189" s="2"/>
      <c r="H4189" s="2"/>
      <c r="I4189" s="2"/>
      <c r="J4189" s="2"/>
      <c r="K4189" s="2"/>
      <c r="L4189" s="2"/>
    </row>
    <row r="4190" spans="1:12" s="17" customFormat="1" ht="27" customHeight="1" x14ac:dyDescent="0.15">
      <c r="A4190" s="13"/>
      <c r="B4190" s="14"/>
      <c r="C4190" s="13"/>
      <c r="D4190" s="14"/>
      <c r="E4190" s="14"/>
      <c r="F4190" s="16"/>
      <c r="G4190" s="2"/>
      <c r="H4190" s="2"/>
      <c r="I4190" s="2"/>
      <c r="J4190" s="2"/>
      <c r="K4190" s="2"/>
      <c r="L4190" s="2"/>
    </row>
    <row r="4191" spans="1:12" s="17" customFormat="1" ht="27" customHeight="1" x14ac:dyDescent="0.15">
      <c r="A4191" s="13"/>
      <c r="B4191" s="14"/>
      <c r="C4191" s="13"/>
      <c r="D4191" s="14"/>
      <c r="E4191" s="14"/>
      <c r="F4191" s="16"/>
      <c r="G4191" s="2"/>
      <c r="H4191" s="2"/>
      <c r="I4191" s="2"/>
      <c r="J4191" s="2"/>
      <c r="K4191" s="2"/>
      <c r="L4191" s="2"/>
    </row>
    <row r="4192" spans="1:12" s="17" customFormat="1" ht="27" customHeight="1" x14ac:dyDescent="0.15">
      <c r="A4192" s="13"/>
      <c r="B4192" s="14"/>
      <c r="C4192" s="13"/>
      <c r="D4192" s="14"/>
      <c r="E4192" s="14"/>
      <c r="F4192" s="16"/>
      <c r="G4192" s="2"/>
      <c r="H4192" s="2"/>
      <c r="I4192" s="2"/>
      <c r="J4192" s="2"/>
      <c r="K4192" s="2"/>
      <c r="L4192" s="2"/>
    </row>
    <row r="4193" spans="1:12" s="17" customFormat="1" ht="27" customHeight="1" x14ac:dyDescent="0.15">
      <c r="A4193" s="13"/>
      <c r="B4193" s="14"/>
      <c r="C4193" s="13"/>
      <c r="D4193" s="14"/>
      <c r="E4193" s="14"/>
      <c r="F4193" s="16"/>
      <c r="G4193" s="2"/>
      <c r="H4193" s="2"/>
      <c r="I4193" s="2"/>
      <c r="J4193" s="2"/>
      <c r="K4193" s="2"/>
      <c r="L4193" s="2"/>
    </row>
    <row r="4194" spans="1:12" s="17" customFormat="1" ht="27" customHeight="1" x14ac:dyDescent="0.15">
      <c r="A4194" s="13"/>
      <c r="B4194" s="14"/>
      <c r="C4194" s="13"/>
      <c r="D4194" s="14"/>
      <c r="E4194" s="14"/>
      <c r="F4194" s="16"/>
      <c r="G4194" s="2"/>
      <c r="H4194" s="2"/>
      <c r="I4194" s="2"/>
      <c r="J4194" s="2"/>
      <c r="K4194" s="2"/>
      <c r="L4194" s="2"/>
    </row>
    <row r="4195" spans="1:12" s="17" customFormat="1" ht="27" customHeight="1" x14ac:dyDescent="0.15">
      <c r="A4195" s="13"/>
      <c r="B4195" s="14"/>
      <c r="C4195" s="13"/>
      <c r="D4195" s="14"/>
      <c r="E4195" s="14"/>
      <c r="F4195" s="16"/>
      <c r="G4195" s="2"/>
      <c r="H4195" s="2"/>
      <c r="I4195" s="2"/>
      <c r="J4195" s="2"/>
      <c r="K4195" s="2"/>
      <c r="L4195" s="2"/>
    </row>
    <row r="4196" spans="1:12" s="17" customFormat="1" ht="27" customHeight="1" x14ac:dyDescent="0.15">
      <c r="A4196" s="13"/>
      <c r="B4196" s="14"/>
      <c r="C4196" s="13"/>
      <c r="D4196" s="14"/>
      <c r="E4196" s="14"/>
      <c r="F4196" s="16"/>
      <c r="G4196" s="2"/>
      <c r="H4196" s="2"/>
      <c r="I4196" s="2"/>
      <c r="J4196" s="2"/>
      <c r="K4196" s="2"/>
      <c r="L4196" s="2"/>
    </row>
    <row r="4197" spans="1:12" s="17" customFormat="1" ht="27" customHeight="1" x14ac:dyDescent="0.15">
      <c r="A4197" s="13"/>
      <c r="B4197" s="14"/>
      <c r="C4197" s="13"/>
      <c r="D4197" s="14"/>
      <c r="E4197" s="14"/>
      <c r="F4197" s="16"/>
      <c r="G4197" s="2"/>
      <c r="H4197" s="2"/>
      <c r="I4197" s="2"/>
      <c r="J4197" s="2"/>
      <c r="K4197" s="2"/>
      <c r="L4197" s="2"/>
    </row>
    <row r="4198" spans="1:12" s="17" customFormat="1" ht="27" customHeight="1" x14ac:dyDescent="0.15">
      <c r="A4198" s="13"/>
      <c r="B4198" s="14"/>
      <c r="C4198" s="13"/>
      <c r="D4198" s="14"/>
      <c r="E4198" s="14"/>
      <c r="F4198" s="16"/>
      <c r="G4198" s="2"/>
      <c r="H4198" s="2"/>
      <c r="I4198" s="2"/>
      <c r="J4198" s="2"/>
      <c r="K4198" s="2"/>
      <c r="L4198" s="2"/>
    </row>
    <row r="4199" spans="1:12" s="17" customFormat="1" ht="27" customHeight="1" x14ac:dyDescent="0.15">
      <c r="A4199" s="13"/>
      <c r="B4199" s="14"/>
      <c r="C4199" s="13"/>
      <c r="D4199" s="14"/>
      <c r="E4199" s="14"/>
      <c r="F4199" s="16"/>
      <c r="G4199" s="2"/>
      <c r="H4199" s="2"/>
      <c r="I4199" s="2"/>
      <c r="J4199" s="2"/>
      <c r="K4199" s="2"/>
      <c r="L4199" s="2"/>
    </row>
    <row r="4200" spans="1:12" s="17" customFormat="1" ht="27" customHeight="1" x14ac:dyDescent="0.15">
      <c r="A4200" s="13"/>
      <c r="B4200" s="14"/>
      <c r="C4200" s="13"/>
      <c r="D4200" s="14"/>
      <c r="E4200" s="14"/>
      <c r="F4200" s="16"/>
      <c r="G4200" s="2"/>
      <c r="H4200" s="2"/>
      <c r="I4200" s="2"/>
      <c r="J4200" s="2"/>
      <c r="K4200" s="2"/>
      <c r="L4200" s="2"/>
    </row>
    <row r="4201" spans="1:12" s="17" customFormat="1" ht="27" customHeight="1" x14ac:dyDescent="0.15">
      <c r="A4201" s="13"/>
      <c r="B4201" s="14"/>
      <c r="C4201" s="13"/>
      <c r="D4201" s="14"/>
      <c r="E4201" s="14"/>
      <c r="F4201" s="16"/>
      <c r="G4201" s="2"/>
      <c r="H4201" s="2"/>
      <c r="I4201" s="2"/>
      <c r="J4201" s="2"/>
      <c r="K4201" s="2"/>
      <c r="L4201" s="2"/>
    </row>
    <row r="4202" spans="1:12" s="17" customFormat="1" ht="27" customHeight="1" x14ac:dyDescent="0.15">
      <c r="A4202" s="13"/>
      <c r="B4202" s="14"/>
      <c r="C4202" s="13"/>
      <c r="D4202" s="14"/>
      <c r="E4202" s="14"/>
      <c r="F4202" s="16"/>
      <c r="G4202" s="2"/>
      <c r="H4202" s="2"/>
      <c r="I4202" s="2"/>
      <c r="J4202" s="2"/>
      <c r="K4202" s="2"/>
      <c r="L4202" s="2"/>
    </row>
    <row r="4203" spans="1:12" s="17" customFormat="1" ht="27" customHeight="1" x14ac:dyDescent="0.15">
      <c r="A4203" s="13"/>
      <c r="B4203" s="14"/>
      <c r="C4203" s="13"/>
      <c r="D4203" s="14"/>
      <c r="E4203" s="14"/>
      <c r="F4203" s="16"/>
      <c r="G4203" s="2"/>
      <c r="H4203" s="2"/>
      <c r="I4203" s="2"/>
      <c r="J4203" s="2"/>
      <c r="K4203" s="2"/>
      <c r="L4203" s="2"/>
    </row>
    <row r="4204" spans="1:12" s="17" customFormat="1" ht="27" customHeight="1" x14ac:dyDescent="0.15">
      <c r="A4204" s="13"/>
      <c r="B4204" s="14"/>
      <c r="C4204" s="13"/>
      <c r="D4204" s="14"/>
      <c r="E4204" s="14"/>
      <c r="F4204" s="16"/>
      <c r="G4204" s="2"/>
      <c r="H4204" s="2"/>
      <c r="I4204" s="2"/>
      <c r="J4204" s="2"/>
      <c r="K4204" s="2"/>
      <c r="L4204" s="2"/>
    </row>
    <row r="4205" spans="1:12" s="17" customFormat="1" ht="27" customHeight="1" x14ac:dyDescent="0.15">
      <c r="A4205" s="13"/>
      <c r="B4205" s="14"/>
      <c r="C4205" s="13"/>
      <c r="D4205" s="14"/>
      <c r="E4205" s="14"/>
      <c r="F4205" s="16"/>
      <c r="G4205" s="2"/>
      <c r="H4205" s="2"/>
      <c r="I4205" s="2"/>
      <c r="J4205" s="2"/>
      <c r="K4205" s="2"/>
      <c r="L4205" s="2"/>
    </row>
    <row r="4206" spans="1:12" s="17" customFormat="1" ht="27" customHeight="1" x14ac:dyDescent="0.15">
      <c r="A4206" s="13"/>
      <c r="B4206" s="14"/>
      <c r="C4206" s="13"/>
      <c r="D4206" s="14"/>
      <c r="E4206" s="14"/>
      <c r="F4206" s="16"/>
      <c r="G4206" s="2"/>
      <c r="H4206" s="2"/>
      <c r="I4206" s="2"/>
      <c r="J4206" s="2"/>
      <c r="K4206" s="2"/>
      <c r="L4206" s="2"/>
    </row>
    <row r="4207" spans="1:12" s="17" customFormat="1" ht="27" customHeight="1" x14ac:dyDescent="0.15">
      <c r="A4207" s="13"/>
      <c r="B4207" s="14"/>
      <c r="C4207" s="13"/>
      <c r="D4207" s="14"/>
      <c r="E4207" s="14"/>
      <c r="F4207" s="16"/>
      <c r="G4207" s="2"/>
      <c r="H4207" s="2"/>
      <c r="I4207" s="2"/>
      <c r="J4207" s="2"/>
      <c r="K4207" s="2"/>
      <c r="L4207" s="2"/>
    </row>
    <row r="4208" spans="1:12" s="17" customFormat="1" ht="27" customHeight="1" x14ac:dyDescent="0.15">
      <c r="A4208" s="13"/>
      <c r="B4208" s="14"/>
      <c r="C4208" s="13"/>
      <c r="D4208" s="14"/>
      <c r="E4208" s="14"/>
      <c r="F4208" s="16"/>
      <c r="G4208" s="2"/>
      <c r="H4208" s="2"/>
      <c r="I4208" s="2"/>
      <c r="J4208" s="2"/>
      <c r="K4208" s="2"/>
      <c r="L4208" s="2"/>
    </row>
    <row r="4209" spans="1:12" s="17" customFormat="1" ht="27" customHeight="1" x14ac:dyDescent="0.15">
      <c r="A4209" s="13"/>
      <c r="B4209" s="14"/>
      <c r="C4209" s="13"/>
      <c r="D4209" s="14"/>
      <c r="E4209" s="14"/>
      <c r="F4209" s="16"/>
      <c r="G4209" s="2"/>
      <c r="H4209" s="2"/>
      <c r="I4209" s="2"/>
      <c r="J4209" s="2"/>
      <c r="K4209" s="2"/>
      <c r="L4209" s="2"/>
    </row>
    <row r="4210" spans="1:12" s="17" customFormat="1" ht="27" customHeight="1" x14ac:dyDescent="0.15">
      <c r="A4210" s="13"/>
      <c r="B4210" s="14"/>
      <c r="C4210" s="13"/>
      <c r="D4210" s="14"/>
      <c r="E4210" s="14"/>
      <c r="F4210" s="16"/>
      <c r="G4210" s="2"/>
      <c r="H4210" s="2"/>
      <c r="I4210" s="2"/>
      <c r="J4210" s="2"/>
      <c r="K4210" s="2"/>
      <c r="L4210" s="2"/>
    </row>
    <row r="4211" spans="1:12" s="17" customFormat="1" ht="27" customHeight="1" x14ac:dyDescent="0.15">
      <c r="A4211" s="13"/>
      <c r="B4211" s="14"/>
      <c r="C4211" s="13"/>
      <c r="D4211" s="14"/>
      <c r="E4211" s="14"/>
      <c r="F4211" s="16"/>
      <c r="G4211" s="2"/>
      <c r="H4211" s="2"/>
      <c r="I4211" s="2"/>
      <c r="J4211" s="2"/>
      <c r="K4211" s="2"/>
      <c r="L4211" s="2"/>
    </row>
    <row r="4212" spans="1:12" s="17" customFormat="1" ht="27" customHeight="1" x14ac:dyDescent="0.15">
      <c r="A4212" s="13"/>
      <c r="B4212" s="14"/>
      <c r="C4212" s="13"/>
      <c r="D4212" s="14"/>
      <c r="E4212" s="14"/>
      <c r="F4212" s="16"/>
      <c r="G4212" s="2"/>
      <c r="H4212" s="2"/>
      <c r="I4212" s="2"/>
      <c r="J4212" s="2"/>
      <c r="K4212" s="2"/>
      <c r="L4212" s="2"/>
    </row>
    <row r="4213" spans="1:12" s="17" customFormat="1" ht="27" customHeight="1" x14ac:dyDescent="0.15">
      <c r="A4213" s="13"/>
      <c r="B4213" s="14"/>
      <c r="C4213" s="13"/>
      <c r="D4213" s="14"/>
      <c r="E4213" s="14"/>
      <c r="F4213" s="16"/>
      <c r="G4213" s="2"/>
      <c r="H4213" s="2"/>
      <c r="I4213" s="2"/>
      <c r="J4213" s="2"/>
      <c r="K4213" s="2"/>
      <c r="L4213" s="2"/>
    </row>
    <row r="4214" spans="1:12" s="17" customFormat="1" ht="27" customHeight="1" x14ac:dyDescent="0.15">
      <c r="A4214" s="13"/>
      <c r="B4214" s="14"/>
      <c r="C4214" s="13"/>
      <c r="D4214" s="14"/>
      <c r="E4214" s="14"/>
      <c r="F4214" s="16"/>
      <c r="G4214" s="2"/>
      <c r="H4214" s="2"/>
      <c r="I4214" s="2"/>
      <c r="J4214" s="2"/>
      <c r="K4214" s="2"/>
      <c r="L4214" s="2"/>
    </row>
    <row r="4215" spans="1:12" s="17" customFormat="1" ht="27" customHeight="1" x14ac:dyDescent="0.15">
      <c r="A4215" s="13"/>
      <c r="B4215" s="14"/>
      <c r="C4215" s="13"/>
      <c r="D4215" s="14"/>
      <c r="E4215" s="14"/>
      <c r="F4215" s="16"/>
      <c r="G4215" s="2"/>
      <c r="H4215" s="2"/>
      <c r="I4215" s="2"/>
      <c r="J4215" s="2"/>
      <c r="K4215" s="2"/>
      <c r="L4215" s="2"/>
    </row>
    <row r="4216" spans="1:12" s="17" customFormat="1" ht="27" customHeight="1" x14ac:dyDescent="0.15">
      <c r="A4216" s="13"/>
      <c r="B4216" s="14"/>
      <c r="C4216" s="13"/>
      <c r="D4216" s="14"/>
      <c r="E4216" s="14"/>
      <c r="F4216" s="16"/>
      <c r="G4216" s="2"/>
      <c r="H4216" s="2"/>
      <c r="I4216" s="2"/>
      <c r="J4216" s="2"/>
      <c r="K4216" s="2"/>
      <c r="L4216" s="2"/>
    </row>
    <row r="4217" spans="1:12" s="17" customFormat="1" ht="27" customHeight="1" x14ac:dyDescent="0.15">
      <c r="A4217" s="13"/>
      <c r="B4217" s="14"/>
      <c r="C4217" s="13"/>
      <c r="D4217" s="14"/>
      <c r="E4217" s="14"/>
      <c r="F4217" s="16"/>
      <c r="G4217" s="2"/>
      <c r="H4217" s="2"/>
      <c r="I4217" s="2"/>
      <c r="J4217" s="2"/>
      <c r="K4217" s="2"/>
      <c r="L4217" s="2"/>
    </row>
    <row r="4218" spans="1:12" s="17" customFormat="1" ht="27" customHeight="1" x14ac:dyDescent="0.15">
      <c r="A4218" s="13"/>
      <c r="B4218" s="14"/>
      <c r="C4218" s="13"/>
      <c r="D4218" s="14"/>
      <c r="E4218" s="14"/>
      <c r="F4218" s="16"/>
      <c r="G4218" s="2"/>
      <c r="H4218" s="2"/>
      <c r="I4218" s="2"/>
      <c r="J4218" s="2"/>
      <c r="K4218" s="2"/>
      <c r="L4218" s="2"/>
    </row>
    <row r="4219" spans="1:12" s="17" customFormat="1" ht="27" customHeight="1" x14ac:dyDescent="0.15">
      <c r="A4219" s="13"/>
      <c r="B4219" s="14"/>
      <c r="C4219" s="13"/>
      <c r="D4219" s="14"/>
      <c r="E4219" s="14"/>
      <c r="F4219" s="16"/>
      <c r="G4219" s="2"/>
      <c r="H4219" s="2"/>
      <c r="I4219" s="2"/>
      <c r="J4219" s="2"/>
      <c r="K4219" s="2"/>
      <c r="L4219" s="2"/>
    </row>
    <row r="4220" spans="1:12" s="17" customFormat="1" ht="27" customHeight="1" x14ac:dyDescent="0.15">
      <c r="A4220" s="13"/>
      <c r="B4220" s="14"/>
      <c r="C4220" s="13"/>
      <c r="D4220" s="14"/>
      <c r="E4220" s="14"/>
      <c r="F4220" s="16"/>
      <c r="G4220" s="2"/>
      <c r="H4220" s="2"/>
      <c r="I4220" s="2"/>
      <c r="J4220" s="2"/>
      <c r="K4220" s="2"/>
      <c r="L4220" s="2"/>
    </row>
    <row r="4221" spans="1:12" s="17" customFormat="1" ht="27" customHeight="1" x14ac:dyDescent="0.15">
      <c r="A4221" s="13"/>
      <c r="B4221" s="14"/>
      <c r="C4221" s="13"/>
      <c r="D4221" s="14"/>
      <c r="E4221" s="14"/>
      <c r="F4221" s="16"/>
      <c r="G4221" s="2"/>
      <c r="H4221" s="2"/>
      <c r="I4221" s="2"/>
      <c r="J4221" s="2"/>
      <c r="K4221" s="2"/>
      <c r="L4221" s="2"/>
    </row>
    <row r="4222" spans="1:12" s="17" customFormat="1" ht="27" customHeight="1" x14ac:dyDescent="0.15">
      <c r="A4222" s="13"/>
      <c r="B4222" s="14"/>
      <c r="C4222" s="13"/>
      <c r="D4222" s="14"/>
      <c r="E4222" s="14"/>
      <c r="F4222" s="16"/>
      <c r="G4222" s="2"/>
      <c r="H4222" s="2"/>
      <c r="I4222" s="2"/>
      <c r="J4222" s="2"/>
      <c r="K4222" s="2"/>
      <c r="L4222" s="2"/>
    </row>
    <row r="4223" spans="1:12" s="17" customFormat="1" ht="27" customHeight="1" x14ac:dyDescent="0.15">
      <c r="A4223" s="13"/>
      <c r="B4223" s="14"/>
      <c r="C4223" s="13"/>
      <c r="D4223" s="14"/>
      <c r="E4223" s="14"/>
      <c r="F4223" s="16"/>
      <c r="G4223" s="2"/>
      <c r="H4223" s="2"/>
      <c r="I4223" s="2"/>
      <c r="J4223" s="2"/>
      <c r="K4223" s="2"/>
      <c r="L4223" s="2"/>
    </row>
    <row r="4224" spans="1:12" s="17" customFormat="1" ht="27" customHeight="1" x14ac:dyDescent="0.15">
      <c r="A4224" s="13"/>
      <c r="B4224" s="14"/>
      <c r="C4224" s="13"/>
      <c r="D4224" s="14"/>
      <c r="E4224" s="14"/>
      <c r="F4224" s="16"/>
      <c r="G4224" s="2"/>
      <c r="H4224" s="2"/>
      <c r="I4224" s="2"/>
      <c r="J4224" s="2"/>
      <c r="K4224" s="2"/>
      <c r="L4224" s="2"/>
    </row>
    <row r="4225" spans="1:12" s="17" customFormat="1" ht="27" customHeight="1" x14ac:dyDescent="0.15">
      <c r="A4225" s="13"/>
      <c r="B4225" s="14"/>
      <c r="C4225" s="13"/>
      <c r="D4225" s="14"/>
      <c r="E4225" s="14"/>
      <c r="F4225" s="16"/>
      <c r="G4225" s="2"/>
      <c r="H4225" s="2"/>
      <c r="I4225" s="2"/>
      <c r="J4225" s="2"/>
      <c r="K4225" s="2"/>
      <c r="L4225" s="2"/>
    </row>
    <row r="4226" spans="1:12" s="17" customFormat="1" ht="27" customHeight="1" x14ac:dyDescent="0.15">
      <c r="A4226" s="13"/>
      <c r="B4226" s="14"/>
      <c r="C4226" s="13"/>
      <c r="D4226" s="14"/>
      <c r="E4226" s="14"/>
      <c r="F4226" s="16"/>
      <c r="G4226" s="2"/>
      <c r="H4226" s="2"/>
      <c r="I4226" s="2"/>
      <c r="J4226" s="2"/>
      <c r="K4226" s="2"/>
      <c r="L4226" s="2"/>
    </row>
    <row r="4227" spans="1:12" s="17" customFormat="1" ht="27" customHeight="1" x14ac:dyDescent="0.15">
      <c r="A4227" s="13"/>
      <c r="B4227" s="14"/>
      <c r="C4227" s="13"/>
      <c r="D4227" s="14"/>
      <c r="E4227" s="14"/>
      <c r="F4227" s="16"/>
      <c r="G4227" s="2"/>
      <c r="H4227" s="2"/>
      <c r="I4227" s="2"/>
      <c r="J4227" s="2"/>
      <c r="K4227" s="2"/>
      <c r="L4227" s="2"/>
    </row>
    <row r="4228" spans="1:12" s="17" customFormat="1" ht="27" customHeight="1" x14ac:dyDescent="0.15">
      <c r="A4228" s="13"/>
      <c r="B4228" s="14"/>
      <c r="C4228" s="13"/>
      <c r="D4228" s="14"/>
      <c r="E4228" s="14"/>
      <c r="F4228" s="16"/>
      <c r="G4228" s="2"/>
      <c r="H4228" s="2"/>
      <c r="I4228" s="2"/>
      <c r="J4228" s="2"/>
      <c r="K4228" s="2"/>
      <c r="L4228" s="2"/>
    </row>
    <row r="4229" spans="1:12" s="17" customFormat="1" ht="27" customHeight="1" x14ac:dyDescent="0.15">
      <c r="A4229" s="13"/>
      <c r="B4229" s="14"/>
      <c r="C4229" s="13"/>
      <c r="D4229" s="14"/>
      <c r="E4229" s="14"/>
      <c r="F4229" s="16"/>
      <c r="G4229" s="2"/>
      <c r="H4229" s="2"/>
      <c r="I4229" s="2"/>
      <c r="J4229" s="2"/>
      <c r="K4229" s="2"/>
      <c r="L4229" s="2"/>
    </row>
    <row r="4230" spans="1:12" s="17" customFormat="1" ht="27" customHeight="1" x14ac:dyDescent="0.15">
      <c r="A4230" s="13"/>
      <c r="B4230" s="14"/>
      <c r="C4230" s="13"/>
      <c r="D4230" s="14"/>
      <c r="E4230" s="14"/>
      <c r="F4230" s="16"/>
      <c r="G4230" s="2"/>
      <c r="H4230" s="2"/>
      <c r="I4230" s="2"/>
      <c r="J4230" s="2"/>
      <c r="K4230" s="2"/>
      <c r="L4230" s="2"/>
    </row>
    <row r="4231" spans="1:12" s="17" customFormat="1" ht="27" customHeight="1" x14ac:dyDescent="0.15">
      <c r="A4231" s="13"/>
      <c r="B4231" s="14"/>
      <c r="C4231" s="13"/>
      <c r="D4231" s="14"/>
      <c r="E4231" s="14"/>
      <c r="F4231" s="16"/>
      <c r="G4231" s="2"/>
      <c r="H4231" s="2"/>
      <c r="I4231" s="2"/>
      <c r="J4231" s="2"/>
      <c r="K4231" s="2"/>
      <c r="L4231" s="2"/>
    </row>
    <row r="4232" spans="1:12" s="17" customFormat="1" ht="27" customHeight="1" x14ac:dyDescent="0.15">
      <c r="A4232" s="13"/>
      <c r="B4232" s="14"/>
      <c r="C4232" s="13"/>
      <c r="D4232" s="14"/>
      <c r="E4232" s="14"/>
      <c r="F4232" s="16"/>
      <c r="G4232" s="2"/>
      <c r="H4232" s="2"/>
      <c r="I4232" s="2"/>
      <c r="J4232" s="2"/>
      <c r="K4232" s="2"/>
      <c r="L4232" s="2"/>
    </row>
    <row r="4233" spans="1:12" s="17" customFormat="1" ht="27" customHeight="1" x14ac:dyDescent="0.15">
      <c r="A4233" s="13"/>
      <c r="B4233" s="14"/>
      <c r="C4233" s="13"/>
      <c r="D4233" s="14"/>
      <c r="E4233" s="14"/>
      <c r="F4233" s="16"/>
      <c r="G4233" s="2"/>
      <c r="H4233" s="2"/>
      <c r="I4233" s="2"/>
      <c r="J4233" s="2"/>
      <c r="K4233" s="2"/>
      <c r="L4233" s="2"/>
    </row>
    <row r="4234" spans="1:12" s="17" customFormat="1" ht="27" customHeight="1" x14ac:dyDescent="0.15">
      <c r="A4234" s="13"/>
      <c r="B4234" s="14"/>
      <c r="C4234" s="13"/>
      <c r="D4234" s="14"/>
      <c r="E4234" s="14"/>
      <c r="F4234" s="16"/>
      <c r="G4234" s="2"/>
      <c r="H4234" s="2"/>
      <c r="I4234" s="2"/>
      <c r="J4234" s="2"/>
      <c r="K4234" s="2"/>
      <c r="L4234" s="2"/>
    </row>
    <row r="4235" spans="1:12" s="17" customFormat="1" ht="27" customHeight="1" x14ac:dyDescent="0.15">
      <c r="A4235" s="13"/>
      <c r="B4235" s="14"/>
      <c r="C4235" s="13"/>
      <c r="D4235" s="14"/>
      <c r="E4235" s="14"/>
      <c r="F4235" s="16"/>
      <c r="G4235" s="2"/>
      <c r="H4235" s="2"/>
      <c r="I4235" s="2"/>
      <c r="J4235" s="2"/>
      <c r="K4235" s="2"/>
      <c r="L4235" s="2"/>
    </row>
    <row r="4236" spans="1:12" s="17" customFormat="1" ht="27" customHeight="1" x14ac:dyDescent="0.15">
      <c r="A4236" s="13"/>
      <c r="B4236" s="14"/>
      <c r="C4236" s="13"/>
      <c r="D4236" s="14"/>
      <c r="E4236" s="14"/>
      <c r="F4236" s="16"/>
      <c r="G4236" s="2"/>
      <c r="H4236" s="2"/>
      <c r="I4236" s="2"/>
      <c r="J4236" s="2"/>
      <c r="K4236" s="2"/>
      <c r="L4236" s="2"/>
    </row>
    <row r="4237" spans="1:12" s="17" customFormat="1" ht="27" customHeight="1" x14ac:dyDescent="0.15">
      <c r="A4237" s="13"/>
      <c r="B4237" s="14"/>
      <c r="C4237" s="13"/>
      <c r="D4237" s="14"/>
      <c r="E4237" s="14"/>
      <c r="F4237" s="16"/>
      <c r="G4237" s="2"/>
      <c r="H4237" s="2"/>
      <c r="I4237" s="2"/>
      <c r="J4237" s="2"/>
      <c r="K4237" s="2"/>
      <c r="L4237" s="2"/>
    </row>
    <row r="4238" spans="1:12" s="17" customFormat="1" ht="27" customHeight="1" x14ac:dyDescent="0.15">
      <c r="A4238" s="13"/>
      <c r="B4238" s="14"/>
      <c r="C4238" s="13"/>
      <c r="D4238" s="14"/>
      <c r="E4238" s="14"/>
      <c r="F4238" s="16"/>
      <c r="G4238" s="2"/>
      <c r="H4238" s="2"/>
      <c r="I4238" s="2"/>
      <c r="J4238" s="2"/>
      <c r="K4238" s="2"/>
      <c r="L4238" s="2"/>
    </row>
    <row r="4239" spans="1:12" s="17" customFormat="1" ht="27" customHeight="1" x14ac:dyDescent="0.15">
      <c r="A4239" s="13"/>
      <c r="B4239" s="14"/>
      <c r="C4239" s="13"/>
      <c r="D4239" s="14"/>
      <c r="E4239" s="14"/>
      <c r="F4239" s="16"/>
      <c r="G4239" s="2"/>
      <c r="H4239" s="2"/>
      <c r="I4239" s="2"/>
      <c r="J4239" s="2"/>
      <c r="K4239" s="2"/>
      <c r="L4239" s="2"/>
    </row>
    <row r="4240" spans="1:12" s="17" customFormat="1" ht="27" customHeight="1" x14ac:dyDescent="0.15">
      <c r="A4240" s="13"/>
      <c r="B4240" s="14"/>
      <c r="C4240" s="13"/>
      <c r="D4240" s="14"/>
      <c r="E4240" s="14"/>
      <c r="F4240" s="16"/>
      <c r="G4240" s="2"/>
      <c r="H4240" s="2"/>
      <c r="I4240" s="2"/>
      <c r="J4240" s="2"/>
      <c r="K4240" s="2"/>
      <c r="L4240" s="2"/>
    </row>
    <row r="4241" spans="1:12" s="17" customFormat="1" ht="27" customHeight="1" x14ac:dyDescent="0.15">
      <c r="A4241" s="13"/>
      <c r="B4241" s="14"/>
      <c r="C4241" s="13"/>
      <c r="D4241" s="14"/>
      <c r="E4241" s="14"/>
      <c r="F4241" s="16"/>
      <c r="G4241" s="2"/>
      <c r="H4241" s="2"/>
      <c r="I4241" s="2"/>
      <c r="J4241" s="2"/>
      <c r="K4241" s="2"/>
      <c r="L4241" s="2"/>
    </row>
    <row r="4242" spans="1:12" s="17" customFormat="1" ht="27" customHeight="1" x14ac:dyDescent="0.15">
      <c r="A4242" s="13"/>
      <c r="B4242" s="14"/>
      <c r="C4242" s="13"/>
      <c r="D4242" s="14"/>
      <c r="E4242" s="14"/>
      <c r="F4242" s="16"/>
      <c r="G4242" s="2"/>
      <c r="H4242" s="2"/>
      <c r="I4242" s="2"/>
      <c r="J4242" s="2"/>
      <c r="K4242" s="2"/>
      <c r="L4242" s="2"/>
    </row>
    <row r="4243" spans="1:12" s="17" customFormat="1" ht="27" customHeight="1" x14ac:dyDescent="0.15">
      <c r="A4243" s="13"/>
      <c r="B4243" s="14"/>
      <c r="C4243" s="13"/>
      <c r="D4243" s="14"/>
      <c r="E4243" s="14"/>
      <c r="F4243" s="16"/>
      <c r="G4243" s="2"/>
      <c r="H4243" s="2"/>
      <c r="I4243" s="2"/>
      <c r="J4243" s="2"/>
      <c r="K4243" s="2"/>
      <c r="L4243" s="2"/>
    </row>
    <row r="4244" spans="1:12" s="17" customFormat="1" ht="27" customHeight="1" x14ac:dyDescent="0.15">
      <c r="A4244" s="13"/>
      <c r="B4244" s="14"/>
      <c r="C4244" s="13"/>
      <c r="D4244" s="14"/>
      <c r="E4244" s="14"/>
      <c r="F4244" s="16"/>
      <c r="G4244" s="2"/>
      <c r="H4244" s="2"/>
      <c r="I4244" s="2"/>
      <c r="J4244" s="2"/>
      <c r="K4244" s="2"/>
      <c r="L4244" s="2"/>
    </row>
    <row r="4245" spans="1:12" s="17" customFormat="1" ht="27" customHeight="1" x14ac:dyDescent="0.15">
      <c r="A4245" s="13"/>
      <c r="B4245" s="14"/>
      <c r="C4245" s="13"/>
      <c r="D4245" s="14"/>
      <c r="E4245" s="14"/>
      <c r="F4245" s="16"/>
      <c r="G4245" s="2"/>
      <c r="H4245" s="2"/>
      <c r="I4245" s="2"/>
      <c r="J4245" s="2"/>
      <c r="K4245" s="2"/>
      <c r="L4245" s="2"/>
    </row>
    <row r="4246" spans="1:12" s="17" customFormat="1" ht="27" customHeight="1" x14ac:dyDescent="0.15">
      <c r="A4246" s="13"/>
      <c r="B4246" s="14"/>
      <c r="C4246" s="13"/>
      <c r="D4246" s="14"/>
      <c r="E4246" s="14"/>
      <c r="F4246" s="16"/>
      <c r="G4246" s="2"/>
      <c r="H4246" s="2"/>
      <c r="I4246" s="2"/>
      <c r="J4246" s="2"/>
      <c r="K4246" s="2"/>
      <c r="L4246" s="2"/>
    </row>
    <row r="4247" spans="1:12" s="17" customFormat="1" ht="27" customHeight="1" x14ac:dyDescent="0.15">
      <c r="A4247" s="13"/>
      <c r="B4247" s="14"/>
      <c r="C4247" s="13"/>
      <c r="D4247" s="14"/>
      <c r="E4247" s="14"/>
      <c r="F4247" s="16"/>
      <c r="G4247" s="2"/>
      <c r="H4247" s="2"/>
      <c r="I4247" s="2"/>
      <c r="J4247" s="2"/>
      <c r="K4247" s="2"/>
      <c r="L4247" s="2"/>
    </row>
    <row r="4248" spans="1:12" s="17" customFormat="1" ht="27" customHeight="1" x14ac:dyDescent="0.15">
      <c r="A4248" s="13"/>
      <c r="B4248" s="14"/>
      <c r="C4248" s="13"/>
      <c r="D4248" s="14"/>
      <c r="E4248" s="14"/>
      <c r="F4248" s="16"/>
      <c r="G4248" s="2"/>
      <c r="H4248" s="2"/>
      <c r="I4248" s="2"/>
      <c r="J4248" s="2"/>
      <c r="K4248" s="2"/>
      <c r="L4248" s="2"/>
    </row>
    <row r="4249" spans="1:12" s="17" customFormat="1" ht="27" customHeight="1" x14ac:dyDescent="0.15">
      <c r="A4249" s="13"/>
      <c r="B4249" s="14"/>
      <c r="C4249" s="13"/>
      <c r="D4249" s="14"/>
      <c r="E4249" s="14"/>
      <c r="F4249" s="16"/>
      <c r="G4249" s="2"/>
      <c r="H4249" s="2"/>
      <c r="I4249" s="2"/>
      <c r="J4249" s="2"/>
      <c r="K4249" s="2"/>
      <c r="L4249" s="2"/>
    </row>
    <row r="4250" spans="1:12" s="17" customFormat="1" ht="27" customHeight="1" x14ac:dyDescent="0.15">
      <c r="A4250" s="13"/>
      <c r="B4250" s="14"/>
      <c r="C4250" s="13"/>
      <c r="D4250" s="14"/>
      <c r="E4250" s="14"/>
      <c r="F4250" s="16"/>
      <c r="G4250" s="2"/>
      <c r="H4250" s="2"/>
      <c r="I4250" s="2"/>
      <c r="J4250" s="2"/>
      <c r="K4250" s="2"/>
      <c r="L4250" s="2"/>
    </row>
    <row r="4251" spans="1:12" s="17" customFormat="1" ht="27" customHeight="1" x14ac:dyDescent="0.15">
      <c r="A4251" s="13"/>
      <c r="B4251" s="14"/>
      <c r="C4251" s="13"/>
      <c r="D4251" s="14"/>
      <c r="E4251" s="14"/>
      <c r="F4251" s="16"/>
      <c r="G4251" s="2"/>
      <c r="H4251" s="2"/>
      <c r="I4251" s="2"/>
      <c r="J4251" s="2"/>
      <c r="K4251" s="2"/>
      <c r="L4251" s="2"/>
    </row>
    <row r="4252" spans="1:12" s="17" customFormat="1" ht="27" customHeight="1" x14ac:dyDescent="0.15">
      <c r="A4252" s="13"/>
      <c r="B4252" s="14"/>
      <c r="C4252" s="13"/>
      <c r="D4252" s="14"/>
      <c r="E4252" s="14"/>
      <c r="F4252" s="16"/>
      <c r="G4252" s="2"/>
      <c r="H4252" s="2"/>
      <c r="I4252" s="2"/>
      <c r="J4252" s="2"/>
      <c r="K4252" s="2"/>
      <c r="L4252" s="2"/>
    </row>
    <row r="4253" spans="1:12" s="17" customFormat="1" ht="27" customHeight="1" x14ac:dyDescent="0.15">
      <c r="A4253" s="13"/>
      <c r="B4253" s="14"/>
      <c r="C4253" s="13"/>
      <c r="D4253" s="14"/>
      <c r="E4253" s="14"/>
      <c r="F4253" s="16"/>
      <c r="G4253" s="2"/>
      <c r="H4253" s="2"/>
      <c r="I4253" s="2"/>
      <c r="J4253" s="2"/>
      <c r="K4253" s="2"/>
      <c r="L4253" s="2"/>
    </row>
    <row r="4254" spans="1:12" s="17" customFormat="1" ht="27" customHeight="1" x14ac:dyDescent="0.15">
      <c r="A4254" s="13"/>
      <c r="B4254" s="14"/>
      <c r="C4254" s="13"/>
      <c r="D4254" s="14"/>
      <c r="E4254" s="14"/>
      <c r="F4254" s="16"/>
      <c r="G4254" s="2"/>
      <c r="H4254" s="2"/>
      <c r="I4254" s="2"/>
      <c r="J4254" s="2"/>
      <c r="K4254" s="2"/>
      <c r="L4254" s="2"/>
    </row>
    <row r="4255" spans="1:12" s="17" customFormat="1" ht="27" customHeight="1" x14ac:dyDescent="0.15">
      <c r="A4255" s="13"/>
      <c r="B4255" s="14"/>
      <c r="C4255" s="13"/>
      <c r="D4255" s="14"/>
      <c r="E4255" s="14"/>
      <c r="F4255" s="16"/>
      <c r="G4255" s="2"/>
      <c r="H4255" s="2"/>
      <c r="I4255" s="2"/>
      <c r="J4255" s="2"/>
      <c r="K4255" s="2"/>
      <c r="L4255" s="2"/>
    </row>
    <row r="4256" spans="1:12" s="17" customFormat="1" ht="27" customHeight="1" x14ac:dyDescent="0.15">
      <c r="A4256" s="13"/>
      <c r="B4256" s="14"/>
      <c r="C4256" s="13"/>
      <c r="D4256" s="14"/>
      <c r="E4256" s="14"/>
      <c r="F4256" s="16"/>
      <c r="G4256" s="2"/>
      <c r="H4256" s="2"/>
      <c r="I4256" s="2"/>
      <c r="J4256" s="2"/>
      <c r="K4256" s="2"/>
      <c r="L4256" s="2"/>
    </row>
    <row r="4257" spans="1:12" s="17" customFormat="1" ht="27" customHeight="1" x14ac:dyDescent="0.15">
      <c r="A4257" s="13"/>
      <c r="B4257" s="14"/>
      <c r="C4257" s="13"/>
      <c r="D4257" s="14"/>
      <c r="E4257" s="14"/>
      <c r="F4257" s="16"/>
      <c r="G4257" s="2"/>
      <c r="H4257" s="2"/>
      <c r="I4257" s="2"/>
      <c r="J4257" s="2"/>
      <c r="K4257" s="2"/>
      <c r="L4257" s="2"/>
    </row>
    <row r="4258" spans="1:12" s="17" customFormat="1" ht="27" customHeight="1" x14ac:dyDescent="0.15">
      <c r="A4258" s="13"/>
      <c r="B4258" s="14"/>
      <c r="C4258" s="13"/>
      <c r="D4258" s="14"/>
      <c r="E4258" s="14"/>
      <c r="F4258" s="16"/>
      <c r="G4258" s="2"/>
      <c r="H4258" s="2"/>
      <c r="I4258" s="2"/>
      <c r="J4258" s="2"/>
      <c r="K4258" s="2"/>
      <c r="L4258" s="2"/>
    </row>
    <row r="4259" spans="1:12" s="17" customFormat="1" ht="27" customHeight="1" x14ac:dyDescent="0.15">
      <c r="A4259" s="13"/>
      <c r="B4259" s="14"/>
      <c r="C4259" s="13"/>
      <c r="D4259" s="14"/>
      <c r="E4259" s="14"/>
      <c r="F4259" s="16"/>
      <c r="G4259" s="2"/>
      <c r="H4259" s="2"/>
      <c r="I4259" s="2"/>
      <c r="J4259" s="2"/>
      <c r="K4259" s="2"/>
      <c r="L4259" s="2"/>
    </row>
    <row r="4260" spans="1:12" s="17" customFormat="1" ht="27" customHeight="1" x14ac:dyDescent="0.15">
      <c r="A4260" s="13"/>
      <c r="B4260" s="14"/>
      <c r="C4260" s="13"/>
      <c r="D4260" s="14"/>
      <c r="E4260" s="14"/>
      <c r="F4260" s="16"/>
      <c r="G4260" s="2"/>
      <c r="H4260" s="2"/>
      <c r="I4260" s="2"/>
      <c r="J4260" s="2"/>
      <c r="K4260" s="2"/>
      <c r="L4260" s="2"/>
    </row>
    <row r="4261" spans="1:12" s="17" customFormat="1" ht="27" customHeight="1" x14ac:dyDescent="0.15">
      <c r="A4261" s="13"/>
      <c r="B4261" s="14"/>
      <c r="C4261" s="13"/>
      <c r="D4261" s="14"/>
      <c r="E4261" s="14"/>
      <c r="F4261" s="16"/>
      <c r="G4261" s="2"/>
      <c r="H4261" s="2"/>
      <c r="I4261" s="2"/>
      <c r="J4261" s="2"/>
      <c r="K4261" s="2"/>
      <c r="L4261" s="2"/>
    </row>
    <row r="4262" spans="1:12" s="17" customFormat="1" ht="27" customHeight="1" x14ac:dyDescent="0.15">
      <c r="A4262" s="13"/>
      <c r="B4262" s="14"/>
      <c r="C4262" s="13"/>
      <c r="D4262" s="14"/>
      <c r="E4262" s="14"/>
      <c r="F4262" s="16"/>
      <c r="G4262" s="2"/>
      <c r="H4262" s="2"/>
      <c r="I4262" s="2"/>
      <c r="J4262" s="2"/>
      <c r="K4262" s="2"/>
      <c r="L4262" s="2"/>
    </row>
    <row r="4263" spans="1:12" s="17" customFormat="1" ht="27" customHeight="1" x14ac:dyDescent="0.15">
      <c r="A4263" s="13"/>
      <c r="B4263" s="14"/>
      <c r="C4263" s="13"/>
      <c r="D4263" s="14"/>
      <c r="E4263" s="14"/>
      <c r="F4263" s="16"/>
      <c r="G4263" s="2"/>
      <c r="H4263" s="2"/>
      <c r="I4263" s="2"/>
      <c r="J4263" s="2"/>
      <c r="K4263" s="2"/>
      <c r="L4263" s="2"/>
    </row>
    <row r="4264" spans="1:12" s="17" customFormat="1" ht="27" customHeight="1" x14ac:dyDescent="0.15">
      <c r="A4264" s="13"/>
      <c r="B4264" s="14"/>
      <c r="C4264" s="13"/>
      <c r="D4264" s="14"/>
      <c r="E4264" s="14"/>
      <c r="F4264" s="16"/>
      <c r="G4264" s="2"/>
      <c r="H4264" s="2"/>
      <c r="I4264" s="2"/>
      <c r="J4264" s="2"/>
      <c r="K4264" s="2"/>
      <c r="L4264" s="2"/>
    </row>
    <row r="4265" spans="1:12" s="17" customFormat="1" ht="27" customHeight="1" x14ac:dyDescent="0.15">
      <c r="A4265" s="13"/>
      <c r="B4265" s="14"/>
      <c r="C4265" s="13"/>
      <c r="D4265" s="14"/>
      <c r="E4265" s="14"/>
      <c r="F4265" s="16"/>
      <c r="G4265" s="2"/>
      <c r="H4265" s="2"/>
      <c r="I4265" s="2"/>
      <c r="J4265" s="2"/>
      <c r="K4265" s="2"/>
      <c r="L4265" s="2"/>
    </row>
    <row r="4266" spans="1:12" s="17" customFormat="1" ht="27" customHeight="1" x14ac:dyDescent="0.15">
      <c r="A4266" s="13"/>
      <c r="B4266" s="14"/>
      <c r="C4266" s="13"/>
      <c r="D4266" s="14"/>
      <c r="E4266" s="14"/>
      <c r="F4266" s="16"/>
      <c r="G4266" s="2"/>
      <c r="H4266" s="2"/>
      <c r="I4266" s="2"/>
      <c r="J4266" s="2"/>
      <c r="K4266" s="2"/>
      <c r="L4266" s="2"/>
    </row>
    <row r="4267" spans="1:12" s="17" customFormat="1" ht="27" customHeight="1" x14ac:dyDescent="0.15">
      <c r="A4267" s="13"/>
      <c r="B4267" s="14"/>
      <c r="C4267" s="13"/>
      <c r="D4267" s="14"/>
      <c r="E4267" s="14"/>
      <c r="F4267" s="16"/>
      <c r="G4267" s="2"/>
      <c r="H4267" s="2"/>
      <c r="I4267" s="2"/>
      <c r="J4267" s="2"/>
      <c r="K4267" s="2"/>
      <c r="L4267" s="2"/>
    </row>
    <row r="4268" spans="1:12" s="17" customFormat="1" ht="27" customHeight="1" x14ac:dyDescent="0.15">
      <c r="A4268" s="13"/>
      <c r="B4268" s="14"/>
      <c r="C4268" s="13"/>
      <c r="D4268" s="14"/>
      <c r="E4268" s="14"/>
      <c r="F4268" s="16"/>
      <c r="G4268" s="2"/>
      <c r="H4268" s="2"/>
      <c r="I4268" s="2"/>
      <c r="J4268" s="2"/>
      <c r="K4268" s="2"/>
      <c r="L4268" s="2"/>
    </row>
    <row r="4269" spans="1:12" s="17" customFormat="1" ht="27" customHeight="1" x14ac:dyDescent="0.15">
      <c r="A4269" s="13"/>
      <c r="B4269" s="14"/>
      <c r="C4269" s="13"/>
      <c r="D4269" s="14"/>
      <c r="E4269" s="14"/>
      <c r="F4269" s="16"/>
      <c r="G4269" s="2"/>
      <c r="H4269" s="2"/>
      <c r="I4269" s="2"/>
      <c r="J4269" s="2"/>
      <c r="K4269" s="2"/>
      <c r="L4269" s="2"/>
    </row>
    <row r="4270" spans="1:12" s="17" customFormat="1" ht="27" customHeight="1" x14ac:dyDescent="0.15">
      <c r="A4270" s="13"/>
      <c r="B4270" s="14"/>
      <c r="C4270" s="13"/>
      <c r="D4270" s="14"/>
      <c r="E4270" s="14"/>
      <c r="F4270" s="16"/>
      <c r="G4270" s="2"/>
      <c r="H4270" s="2"/>
      <c r="I4270" s="2"/>
      <c r="J4270" s="2"/>
      <c r="K4270" s="2"/>
      <c r="L4270" s="2"/>
    </row>
    <row r="4271" spans="1:12" s="17" customFormat="1" ht="27" customHeight="1" x14ac:dyDescent="0.15">
      <c r="A4271" s="13"/>
      <c r="B4271" s="14"/>
      <c r="C4271" s="13"/>
      <c r="D4271" s="14"/>
      <c r="E4271" s="14"/>
      <c r="F4271" s="16"/>
      <c r="G4271" s="2"/>
      <c r="H4271" s="2"/>
      <c r="I4271" s="2"/>
      <c r="J4271" s="2"/>
      <c r="K4271" s="2"/>
      <c r="L4271" s="2"/>
    </row>
    <row r="4272" spans="1:12" s="17" customFormat="1" ht="27" customHeight="1" x14ac:dyDescent="0.15">
      <c r="A4272" s="13"/>
      <c r="B4272" s="14"/>
      <c r="C4272" s="13"/>
      <c r="D4272" s="14"/>
      <c r="E4272" s="14"/>
      <c r="F4272" s="16"/>
      <c r="G4272" s="2"/>
      <c r="H4272" s="2"/>
      <c r="I4272" s="2"/>
      <c r="J4272" s="2"/>
      <c r="K4272" s="2"/>
      <c r="L4272" s="2"/>
    </row>
    <row r="4273" spans="1:12" s="17" customFormat="1" ht="27" customHeight="1" x14ac:dyDescent="0.15">
      <c r="A4273" s="13"/>
      <c r="B4273" s="14"/>
      <c r="C4273" s="13"/>
      <c r="D4273" s="14"/>
      <c r="E4273" s="14"/>
      <c r="F4273" s="16"/>
      <c r="G4273" s="2"/>
      <c r="H4273" s="2"/>
      <c r="I4273" s="2"/>
      <c r="J4273" s="2"/>
      <c r="K4273" s="2"/>
      <c r="L4273" s="2"/>
    </row>
    <row r="4274" spans="1:12" s="17" customFormat="1" ht="27" customHeight="1" x14ac:dyDescent="0.15">
      <c r="A4274" s="13"/>
      <c r="B4274" s="14"/>
      <c r="C4274" s="13"/>
      <c r="D4274" s="14"/>
      <c r="E4274" s="14"/>
      <c r="F4274" s="16"/>
      <c r="G4274" s="2"/>
      <c r="H4274" s="2"/>
      <c r="I4274" s="2"/>
      <c r="J4274" s="2"/>
      <c r="K4274" s="2"/>
      <c r="L4274" s="2"/>
    </row>
    <row r="4275" spans="1:12" s="17" customFormat="1" ht="27" customHeight="1" x14ac:dyDescent="0.15">
      <c r="A4275" s="13"/>
      <c r="B4275" s="14"/>
      <c r="C4275" s="13"/>
      <c r="D4275" s="14"/>
      <c r="E4275" s="14"/>
      <c r="F4275" s="16"/>
      <c r="G4275" s="2"/>
      <c r="H4275" s="2"/>
      <c r="I4275" s="2"/>
      <c r="J4275" s="2"/>
      <c r="K4275" s="2"/>
      <c r="L4275" s="2"/>
    </row>
    <row r="4276" spans="1:12" s="17" customFormat="1" ht="27" customHeight="1" x14ac:dyDescent="0.15">
      <c r="A4276" s="13"/>
      <c r="B4276" s="14"/>
      <c r="C4276" s="13"/>
      <c r="D4276" s="14"/>
      <c r="E4276" s="14"/>
      <c r="F4276" s="16"/>
      <c r="G4276" s="2"/>
      <c r="H4276" s="2"/>
      <c r="I4276" s="2"/>
      <c r="J4276" s="2"/>
      <c r="K4276" s="2"/>
      <c r="L4276" s="2"/>
    </row>
    <row r="4277" spans="1:12" s="17" customFormat="1" ht="27" customHeight="1" x14ac:dyDescent="0.15">
      <c r="A4277" s="13"/>
      <c r="B4277" s="14"/>
      <c r="C4277" s="13"/>
      <c r="D4277" s="14"/>
      <c r="E4277" s="14"/>
      <c r="F4277" s="16"/>
      <c r="G4277" s="2"/>
      <c r="H4277" s="2"/>
      <c r="I4277" s="2"/>
      <c r="J4277" s="2"/>
      <c r="K4277" s="2"/>
      <c r="L4277" s="2"/>
    </row>
    <row r="4278" spans="1:12" s="17" customFormat="1" ht="27" customHeight="1" x14ac:dyDescent="0.15">
      <c r="A4278" s="13"/>
      <c r="B4278" s="14"/>
      <c r="C4278" s="13"/>
      <c r="D4278" s="14"/>
      <c r="E4278" s="14"/>
      <c r="F4278" s="16"/>
      <c r="G4278" s="2"/>
      <c r="H4278" s="2"/>
      <c r="I4278" s="2"/>
      <c r="J4278" s="2"/>
      <c r="K4278" s="2"/>
      <c r="L4278" s="2"/>
    </row>
    <row r="4279" spans="1:12" s="17" customFormat="1" ht="27" customHeight="1" x14ac:dyDescent="0.15">
      <c r="A4279" s="13"/>
      <c r="B4279" s="14"/>
      <c r="C4279" s="13"/>
      <c r="D4279" s="14"/>
      <c r="E4279" s="14"/>
      <c r="F4279" s="16"/>
      <c r="G4279" s="2"/>
      <c r="H4279" s="2"/>
      <c r="I4279" s="2"/>
      <c r="J4279" s="2"/>
      <c r="K4279" s="2"/>
      <c r="L4279" s="2"/>
    </row>
    <row r="4280" spans="1:12" s="17" customFormat="1" ht="27" customHeight="1" x14ac:dyDescent="0.15">
      <c r="A4280" s="13"/>
      <c r="B4280" s="14"/>
      <c r="C4280" s="13"/>
      <c r="D4280" s="14"/>
      <c r="E4280" s="14"/>
      <c r="F4280" s="16"/>
      <c r="G4280" s="2"/>
      <c r="H4280" s="2"/>
      <c r="I4280" s="2"/>
      <c r="J4280" s="2"/>
      <c r="K4280" s="2"/>
      <c r="L4280" s="2"/>
    </row>
    <row r="4281" spans="1:12" s="17" customFormat="1" ht="27" customHeight="1" x14ac:dyDescent="0.15">
      <c r="A4281" s="13"/>
      <c r="B4281" s="14"/>
      <c r="C4281" s="13"/>
      <c r="D4281" s="14"/>
      <c r="E4281" s="14"/>
      <c r="F4281" s="16"/>
      <c r="G4281" s="2"/>
      <c r="H4281" s="2"/>
      <c r="I4281" s="2"/>
      <c r="J4281" s="2"/>
      <c r="K4281" s="2"/>
      <c r="L4281" s="2"/>
    </row>
    <row r="4282" spans="1:12" s="17" customFormat="1" ht="27" customHeight="1" x14ac:dyDescent="0.15">
      <c r="A4282" s="13"/>
      <c r="B4282" s="14"/>
      <c r="C4282" s="13"/>
      <c r="D4282" s="14"/>
      <c r="E4282" s="14"/>
      <c r="F4282" s="16"/>
      <c r="G4282" s="2"/>
      <c r="H4282" s="2"/>
      <c r="I4282" s="2"/>
      <c r="J4282" s="2"/>
      <c r="K4282" s="2"/>
      <c r="L4282" s="2"/>
    </row>
    <row r="4283" spans="1:12" s="17" customFormat="1" ht="27" customHeight="1" x14ac:dyDescent="0.15">
      <c r="A4283" s="13"/>
      <c r="B4283" s="14"/>
      <c r="C4283" s="13"/>
      <c r="D4283" s="14"/>
      <c r="E4283" s="14"/>
      <c r="F4283" s="16"/>
      <c r="G4283" s="2"/>
      <c r="H4283" s="2"/>
      <c r="I4283" s="2"/>
      <c r="J4283" s="2"/>
      <c r="K4283" s="2"/>
      <c r="L4283" s="2"/>
    </row>
    <row r="4284" spans="1:12" s="17" customFormat="1" ht="27" customHeight="1" x14ac:dyDescent="0.15">
      <c r="A4284" s="13"/>
      <c r="B4284" s="14"/>
      <c r="C4284" s="13"/>
      <c r="D4284" s="14"/>
      <c r="E4284" s="14"/>
      <c r="F4284" s="16"/>
      <c r="G4284" s="2"/>
      <c r="H4284" s="2"/>
      <c r="I4284" s="2"/>
      <c r="J4284" s="2"/>
      <c r="K4284" s="2"/>
      <c r="L4284" s="2"/>
    </row>
    <row r="4285" spans="1:12" s="17" customFormat="1" ht="27" customHeight="1" x14ac:dyDescent="0.15">
      <c r="A4285" s="13"/>
      <c r="B4285" s="14"/>
      <c r="C4285" s="13"/>
      <c r="D4285" s="14"/>
      <c r="E4285" s="14"/>
      <c r="F4285" s="16"/>
      <c r="G4285" s="2"/>
      <c r="H4285" s="2"/>
      <c r="I4285" s="2"/>
      <c r="J4285" s="2"/>
      <c r="K4285" s="2"/>
      <c r="L4285" s="2"/>
    </row>
    <row r="4286" spans="1:12" s="17" customFormat="1" ht="27" customHeight="1" x14ac:dyDescent="0.15">
      <c r="A4286" s="13"/>
      <c r="B4286" s="14"/>
      <c r="C4286" s="13"/>
      <c r="D4286" s="14"/>
      <c r="E4286" s="14"/>
      <c r="F4286" s="16"/>
      <c r="G4286" s="2"/>
      <c r="H4286" s="2"/>
      <c r="I4286" s="2"/>
      <c r="J4286" s="2"/>
      <c r="K4286" s="2"/>
      <c r="L4286" s="2"/>
    </row>
    <row r="4287" spans="1:12" s="17" customFormat="1" ht="27" customHeight="1" x14ac:dyDescent="0.15">
      <c r="A4287" s="13"/>
      <c r="B4287" s="14"/>
      <c r="C4287" s="13"/>
      <c r="D4287" s="14"/>
      <c r="E4287" s="14"/>
      <c r="F4287" s="16"/>
      <c r="G4287" s="2"/>
      <c r="H4287" s="2"/>
      <c r="I4287" s="2"/>
      <c r="J4287" s="2"/>
      <c r="K4287" s="2"/>
      <c r="L4287" s="2"/>
    </row>
    <row r="4288" spans="1:12" s="17" customFormat="1" ht="27" customHeight="1" x14ac:dyDescent="0.15">
      <c r="A4288" s="13"/>
      <c r="B4288" s="14"/>
      <c r="C4288" s="13"/>
      <c r="D4288" s="14"/>
      <c r="E4288" s="14"/>
      <c r="F4288" s="16"/>
      <c r="G4288" s="2"/>
      <c r="H4288" s="2"/>
      <c r="I4288" s="2"/>
      <c r="J4288" s="2"/>
      <c r="K4288" s="2"/>
      <c r="L4288" s="2"/>
    </row>
    <row r="4289" spans="1:12" s="17" customFormat="1" ht="27" customHeight="1" x14ac:dyDescent="0.15">
      <c r="A4289" s="13"/>
      <c r="B4289" s="14"/>
      <c r="C4289" s="13"/>
      <c r="D4289" s="14"/>
      <c r="E4289" s="14"/>
      <c r="F4289" s="16"/>
      <c r="G4289" s="2"/>
      <c r="H4289" s="2"/>
      <c r="I4289" s="2"/>
      <c r="J4289" s="2"/>
      <c r="K4289" s="2"/>
      <c r="L4289" s="2"/>
    </row>
    <row r="4290" spans="1:12" s="17" customFormat="1" ht="27" customHeight="1" x14ac:dyDescent="0.15">
      <c r="A4290" s="13"/>
      <c r="B4290" s="14"/>
      <c r="C4290" s="13"/>
      <c r="D4290" s="14"/>
      <c r="E4290" s="14"/>
      <c r="F4290" s="16"/>
      <c r="G4290" s="2"/>
      <c r="H4290" s="2"/>
      <c r="I4290" s="2"/>
      <c r="J4290" s="2"/>
      <c r="K4290" s="2"/>
      <c r="L4290" s="2"/>
    </row>
    <row r="4291" spans="1:12" s="17" customFormat="1" ht="27" customHeight="1" x14ac:dyDescent="0.15">
      <c r="A4291" s="13"/>
      <c r="B4291" s="14"/>
      <c r="C4291" s="13"/>
      <c r="D4291" s="14"/>
      <c r="E4291" s="14"/>
      <c r="F4291" s="16"/>
      <c r="G4291" s="2"/>
      <c r="H4291" s="2"/>
      <c r="I4291" s="2"/>
      <c r="J4291" s="2"/>
      <c r="K4291" s="2"/>
      <c r="L4291" s="2"/>
    </row>
    <row r="4292" spans="1:12" s="17" customFormat="1" ht="27" customHeight="1" x14ac:dyDescent="0.15">
      <c r="A4292" s="13"/>
      <c r="B4292" s="14"/>
      <c r="C4292" s="13"/>
      <c r="D4292" s="14"/>
      <c r="E4292" s="14"/>
      <c r="F4292" s="16"/>
      <c r="G4292" s="2"/>
      <c r="H4292" s="2"/>
      <c r="I4292" s="2"/>
      <c r="J4292" s="2"/>
      <c r="K4292" s="2"/>
      <c r="L4292" s="2"/>
    </row>
    <row r="4293" spans="1:12" s="17" customFormat="1" ht="27" customHeight="1" x14ac:dyDescent="0.15">
      <c r="A4293" s="13"/>
      <c r="B4293" s="14"/>
      <c r="C4293" s="13"/>
      <c r="D4293" s="14"/>
      <c r="E4293" s="14"/>
      <c r="F4293" s="16"/>
      <c r="G4293" s="2"/>
      <c r="H4293" s="2"/>
      <c r="I4293" s="2"/>
      <c r="J4293" s="2"/>
      <c r="K4293" s="2"/>
      <c r="L4293" s="2"/>
    </row>
    <row r="4294" spans="1:12" s="17" customFormat="1" ht="27" customHeight="1" x14ac:dyDescent="0.15">
      <c r="A4294" s="13"/>
      <c r="B4294" s="14"/>
      <c r="C4294" s="13"/>
      <c r="D4294" s="14"/>
      <c r="E4294" s="14"/>
      <c r="F4294" s="16"/>
      <c r="G4294" s="2"/>
      <c r="H4294" s="2"/>
      <c r="I4294" s="2"/>
      <c r="J4294" s="2"/>
      <c r="K4294" s="2"/>
      <c r="L4294" s="2"/>
    </row>
    <row r="4295" spans="1:12" s="17" customFormat="1" ht="27" customHeight="1" x14ac:dyDescent="0.15">
      <c r="A4295" s="13"/>
      <c r="B4295" s="14"/>
      <c r="C4295" s="13"/>
      <c r="D4295" s="14"/>
      <c r="E4295" s="14"/>
      <c r="F4295" s="16"/>
      <c r="G4295" s="2"/>
      <c r="H4295" s="2"/>
      <c r="I4295" s="2"/>
      <c r="J4295" s="2"/>
      <c r="K4295" s="2"/>
      <c r="L4295" s="2"/>
    </row>
    <row r="4296" spans="1:12" s="17" customFormat="1" ht="27" customHeight="1" x14ac:dyDescent="0.15">
      <c r="A4296" s="13"/>
      <c r="B4296" s="14"/>
      <c r="C4296" s="13"/>
      <c r="D4296" s="14"/>
      <c r="E4296" s="14"/>
      <c r="F4296" s="16"/>
      <c r="G4296" s="2"/>
      <c r="H4296" s="2"/>
      <c r="I4296" s="2"/>
      <c r="J4296" s="2"/>
      <c r="K4296" s="2"/>
      <c r="L4296" s="2"/>
    </row>
    <row r="4297" spans="1:12" s="17" customFormat="1" ht="27" customHeight="1" x14ac:dyDescent="0.15">
      <c r="A4297" s="13"/>
      <c r="B4297" s="14"/>
      <c r="C4297" s="13"/>
      <c r="D4297" s="14"/>
      <c r="E4297" s="14"/>
      <c r="F4297" s="16"/>
      <c r="G4297" s="2"/>
      <c r="H4297" s="2"/>
      <c r="I4297" s="2"/>
      <c r="J4297" s="2"/>
      <c r="K4297" s="2"/>
      <c r="L4297" s="2"/>
    </row>
    <row r="4298" spans="1:12" s="17" customFormat="1" ht="27" customHeight="1" x14ac:dyDescent="0.15">
      <c r="A4298" s="13"/>
      <c r="B4298" s="14"/>
      <c r="C4298" s="13"/>
      <c r="D4298" s="14"/>
      <c r="E4298" s="14"/>
      <c r="F4298" s="16"/>
      <c r="G4298" s="2"/>
      <c r="H4298" s="2"/>
      <c r="I4298" s="2"/>
      <c r="J4298" s="2"/>
      <c r="K4298" s="2"/>
      <c r="L4298" s="2"/>
    </row>
    <row r="4299" spans="1:12" s="17" customFormat="1" ht="27" customHeight="1" x14ac:dyDescent="0.15">
      <c r="A4299" s="13"/>
      <c r="B4299" s="14"/>
      <c r="C4299" s="13"/>
      <c r="D4299" s="14"/>
      <c r="E4299" s="14"/>
      <c r="F4299" s="16"/>
      <c r="G4299" s="2"/>
      <c r="H4299" s="2"/>
      <c r="I4299" s="2"/>
      <c r="J4299" s="2"/>
      <c r="K4299" s="2"/>
      <c r="L4299" s="2"/>
    </row>
    <row r="4300" spans="1:12" s="17" customFormat="1" ht="27" customHeight="1" x14ac:dyDescent="0.15">
      <c r="A4300" s="13"/>
      <c r="B4300" s="14"/>
      <c r="C4300" s="13"/>
      <c r="D4300" s="14"/>
      <c r="E4300" s="14"/>
      <c r="F4300" s="16"/>
      <c r="G4300" s="2"/>
      <c r="H4300" s="2"/>
      <c r="I4300" s="2"/>
      <c r="J4300" s="2"/>
      <c r="K4300" s="2"/>
      <c r="L4300" s="2"/>
    </row>
    <row r="4301" spans="1:12" s="17" customFormat="1" ht="27" customHeight="1" x14ac:dyDescent="0.15">
      <c r="A4301" s="13"/>
      <c r="B4301" s="14"/>
      <c r="C4301" s="13"/>
      <c r="D4301" s="14"/>
      <c r="E4301" s="14"/>
      <c r="F4301" s="16"/>
      <c r="G4301" s="2"/>
      <c r="H4301" s="2"/>
      <c r="I4301" s="2"/>
      <c r="J4301" s="2"/>
      <c r="K4301" s="2"/>
      <c r="L4301" s="2"/>
    </row>
    <row r="4302" spans="1:12" s="17" customFormat="1" ht="27" customHeight="1" x14ac:dyDescent="0.15">
      <c r="A4302" s="13"/>
      <c r="B4302" s="14"/>
      <c r="C4302" s="13"/>
      <c r="D4302" s="14"/>
      <c r="E4302" s="14"/>
      <c r="F4302" s="16"/>
      <c r="G4302" s="2"/>
      <c r="H4302" s="2"/>
      <c r="I4302" s="2"/>
      <c r="J4302" s="2"/>
      <c r="K4302" s="2"/>
      <c r="L4302" s="2"/>
    </row>
    <row r="4303" spans="1:12" s="17" customFormat="1" ht="27" customHeight="1" x14ac:dyDescent="0.15">
      <c r="A4303" s="13"/>
      <c r="B4303" s="14"/>
      <c r="C4303" s="13"/>
      <c r="D4303" s="14"/>
      <c r="E4303" s="14"/>
      <c r="F4303" s="16"/>
      <c r="G4303" s="2"/>
      <c r="H4303" s="2"/>
      <c r="I4303" s="2"/>
      <c r="J4303" s="2"/>
      <c r="K4303" s="2"/>
      <c r="L4303" s="2"/>
    </row>
    <row r="4304" spans="1:12" s="17" customFormat="1" ht="27" customHeight="1" x14ac:dyDescent="0.15">
      <c r="A4304" s="13"/>
      <c r="B4304" s="14"/>
      <c r="C4304" s="13"/>
      <c r="D4304" s="14"/>
      <c r="E4304" s="14"/>
      <c r="F4304" s="16"/>
      <c r="G4304" s="2"/>
      <c r="H4304" s="2"/>
      <c r="I4304" s="2"/>
      <c r="J4304" s="2"/>
      <c r="K4304" s="2"/>
      <c r="L4304" s="2"/>
    </row>
    <row r="4305" spans="1:12" s="17" customFormat="1" ht="27" customHeight="1" x14ac:dyDescent="0.15">
      <c r="A4305" s="13"/>
      <c r="B4305" s="14"/>
      <c r="C4305" s="13"/>
      <c r="D4305" s="14"/>
      <c r="E4305" s="14"/>
      <c r="F4305" s="16"/>
      <c r="G4305" s="2"/>
      <c r="H4305" s="2"/>
      <c r="I4305" s="2"/>
      <c r="J4305" s="2"/>
      <c r="K4305" s="2"/>
      <c r="L4305" s="2"/>
    </row>
    <row r="4306" spans="1:12" s="17" customFormat="1" ht="27" customHeight="1" x14ac:dyDescent="0.15">
      <c r="A4306" s="13"/>
      <c r="B4306" s="14"/>
      <c r="C4306" s="13"/>
      <c r="D4306" s="14"/>
      <c r="E4306" s="14"/>
      <c r="F4306" s="16"/>
      <c r="G4306" s="2"/>
      <c r="H4306" s="2"/>
      <c r="I4306" s="2"/>
      <c r="J4306" s="2"/>
      <c r="K4306" s="2"/>
      <c r="L4306" s="2"/>
    </row>
    <row r="4307" spans="1:12" s="17" customFormat="1" ht="27" customHeight="1" x14ac:dyDescent="0.15">
      <c r="A4307" s="13"/>
      <c r="B4307" s="14"/>
      <c r="C4307" s="13"/>
      <c r="D4307" s="14"/>
      <c r="E4307" s="14"/>
      <c r="F4307" s="16"/>
      <c r="G4307" s="2"/>
      <c r="H4307" s="2"/>
      <c r="I4307" s="2"/>
      <c r="J4307" s="2"/>
      <c r="K4307" s="2"/>
      <c r="L4307" s="2"/>
    </row>
    <row r="4308" spans="1:12" s="17" customFormat="1" ht="27" customHeight="1" x14ac:dyDescent="0.15">
      <c r="A4308" s="13"/>
      <c r="B4308" s="14"/>
      <c r="C4308" s="13"/>
      <c r="D4308" s="14"/>
      <c r="E4308" s="14"/>
      <c r="F4308" s="16"/>
      <c r="G4308" s="2"/>
      <c r="H4308" s="2"/>
      <c r="I4308" s="2"/>
      <c r="J4308" s="2"/>
      <c r="K4308" s="2"/>
      <c r="L4308" s="2"/>
    </row>
    <row r="4309" spans="1:12" s="17" customFormat="1" ht="27" customHeight="1" x14ac:dyDescent="0.15">
      <c r="A4309" s="13"/>
      <c r="B4309" s="14"/>
      <c r="C4309" s="13"/>
      <c r="D4309" s="14"/>
      <c r="E4309" s="14"/>
      <c r="F4309" s="16"/>
      <c r="G4309" s="2"/>
      <c r="H4309" s="2"/>
      <c r="I4309" s="2"/>
      <c r="J4309" s="2"/>
      <c r="K4309" s="2"/>
      <c r="L4309" s="2"/>
    </row>
    <row r="4310" spans="1:12" s="17" customFormat="1" ht="27" customHeight="1" x14ac:dyDescent="0.15">
      <c r="A4310" s="13"/>
      <c r="B4310" s="14"/>
      <c r="C4310" s="13"/>
      <c r="D4310" s="14"/>
      <c r="E4310" s="14"/>
      <c r="F4310" s="16"/>
      <c r="G4310" s="2"/>
      <c r="H4310" s="2"/>
      <c r="I4310" s="2"/>
      <c r="J4310" s="2"/>
      <c r="K4310" s="2"/>
      <c r="L4310" s="2"/>
    </row>
    <row r="4311" spans="1:12" s="17" customFormat="1" ht="27" customHeight="1" x14ac:dyDescent="0.15">
      <c r="A4311" s="13"/>
      <c r="B4311" s="14"/>
      <c r="C4311" s="13"/>
      <c r="D4311" s="14"/>
      <c r="E4311" s="14"/>
      <c r="F4311" s="16"/>
      <c r="G4311" s="2"/>
      <c r="H4311" s="2"/>
      <c r="I4311" s="2"/>
      <c r="J4311" s="2"/>
      <c r="K4311" s="2"/>
      <c r="L4311" s="2"/>
    </row>
    <row r="4312" spans="1:12" s="17" customFormat="1" ht="27" customHeight="1" x14ac:dyDescent="0.15">
      <c r="A4312" s="13"/>
      <c r="B4312" s="14"/>
      <c r="C4312" s="13"/>
      <c r="D4312" s="14"/>
      <c r="E4312" s="14"/>
      <c r="F4312" s="16"/>
      <c r="G4312" s="2"/>
      <c r="H4312" s="2"/>
      <c r="I4312" s="2"/>
      <c r="J4312" s="2"/>
      <c r="K4312" s="2"/>
      <c r="L4312" s="2"/>
    </row>
    <row r="4313" spans="1:12" s="17" customFormat="1" ht="27" customHeight="1" x14ac:dyDescent="0.15">
      <c r="A4313" s="13"/>
      <c r="B4313" s="14"/>
      <c r="C4313" s="13"/>
      <c r="D4313" s="14"/>
      <c r="E4313" s="14"/>
      <c r="F4313" s="16"/>
      <c r="G4313" s="2"/>
      <c r="H4313" s="2"/>
      <c r="I4313" s="2"/>
      <c r="J4313" s="2"/>
      <c r="K4313" s="2"/>
      <c r="L4313" s="2"/>
    </row>
    <row r="4314" spans="1:12" s="17" customFormat="1" ht="27" customHeight="1" x14ac:dyDescent="0.15">
      <c r="A4314" s="13"/>
      <c r="B4314" s="14"/>
      <c r="C4314" s="13"/>
      <c r="D4314" s="14"/>
      <c r="E4314" s="14"/>
      <c r="F4314" s="16"/>
      <c r="G4314" s="2"/>
      <c r="H4314" s="2"/>
      <c r="I4314" s="2"/>
      <c r="J4314" s="2"/>
      <c r="K4314" s="2"/>
      <c r="L4314" s="2"/>
    </row>
    <row r="4315" spans="1:12" s="17" customFormat="1" ht="27" customHeight="1" x14ac:dyDescent="0.15">
      <c r="A4315" s="13"/>
      <c r="B4315" s="14"/>
      <c r="C4315" s="13"/>
      <c r="D4315" s="14"/>
      <c r="E4315" s="14"/>
      <c r="F4315" s="16"/>
      <c r="G4315" s="2"/>
      <c r="H4315" s="2"/>
      <c r="I4315" s="2"/>
      <c r="J4315" s="2"/>
      <c r="K4315" s="2"/>
      <c r="L4315" s="2"/>
    </row>
    <row r="4316" spans="1:12" s="17" customFormat="1" ht="27" customHeight="1" x14ac:dyDescent="0.15">
      <c r="A4316" s="13"/>
      <c r="B4316" s="14"/>
      <c r="C4316" s="13"/>
      <c r="D4316" s="14"/>
      <c r="E4316" s="14"/>
      <c r="F4316" s="16"/>
      <c r="G4316" s="2"/>
      <c r="H4316" s="2"/>
      <c r="I4316" s="2"/>
      <c r="J4316" s="2"/>
      <c r="K4316" s="2"/>
      <c r="L4316" s="2"/>
    </row>
    <row r="4317" spans="1:12" s="17" customFormat="1" ht="27" customHeight="1" x14ac:dyDescent="0.15">
      <c r="A4317" s="13"/>
      <c r="B4317" s="14"/>
      <c r="C4317" s="13"/>
      <c r="D4317" s="14"/>
      <c r="E4317" s="14"/>
      <c r="F4317" s="16"/>
      <c r="G4317" s="2"/>
      <c r="H4317" s="2"/>
      <c r="I4317" s="2"/>
      <c r="J4317" s="2"/>
      <c r="K4317" s="2"/>
      <c r="L4317" s="2"/>
    </row>
    <row r="4318" spans="1:12" s="17" customFormat="1" ht="27" customHeight="1" x14ac:dyDescent="0.15">
      <c r="A4318" s="13"/>
      <c r="B4318" s="14"/>
      <c r="C4318" s="13"/>
      <c r="D4318" s="14"/>
      <c r="E4318" s="14"/>
      <c r="F4318" s="16"/>
      <c r="G4318" s="2"/>
      <c r="H4318" s="2"/>
      <c r="I4318" s="2"/>
      <c r="J4318" s="2"/>
      <c r="K4318" s="2"/>
      <c r="L4318" s="2"/>
    </row>
    <row r="4319" spans="1:12" s="17" customFormat="1" ht="27" customHeight="1" x14ac:dyDescent="0.15">
      <c r="A4319" s="13"/>
      <c r="B4319" s="14"/>
      <c r="C4319" s="13"/>
      <c r="D4319" s="14"/>
      <c r="E4319" s="14"/>
      <c r="F4319" s="16"/>
      <c r="G4319" s="2"/>
      <c r="H4319" s="2"/>
      <c r="I4319" s="2"/>
      <c r="J4319" s="2"/>
      <c r="K4319" s="2"/>
      <c r="L4319" s="2"/>
    </row>
    <row r="4320" spans="1:12" s="17" customFormat="1" ht="27" customHeight="1" x14ac:dyDescent="0.15">
      <c r="A4320" s="13"/>
      <c r="B4320" s="14"/>
      <c r="C4320" s="13"/>
      <c r="D4320" s="14"/>
      <c r="E4320" s="14"/>
      <c r="F4320" s="16"/>
      <c r="G4320" s="2"/>
      <c r="H4320" s="2"/>
      <c r="I4320" s="2"/>
      <c r="J4320" s="2"/>
      <c r="K4320" s="2"/>
      <c r="L4320" s="2"/>
    </row>
    <row r="4321" spans="1:12" s="17" customFormat="1" ht="27" customHeight="1" x14ac:dyDescent="0.15">
      <c r="A4321" s="13"/>
      <c r="B4321" s="14"/>
      <c r="C4321" s="13"/>
      <c r="D4321" s="14"/>
      <c r="E4321" s="14"/>
      <c r="F4321" s="16"/>
      <c r="G4321" s="2"/>
      <c r="H4321" s="2"/>
      <c r="I4321" s="2"/>
      <c r="J4321" s="2"/>
      <c r="K4321" s="2"/>
      <c r="L4321" s="2"/>
    </row>
    <row r="4322" spans="1:12" s="17" customFormat="1" ht="27" customHeight="1" x14ac:dyDescent="0.15">
      <c r="A4322" s="13"/>
      <c r="B4322" s="14"/>
      <c r="C4322" s="13"/>
      <c r="D4322" s="14"/>
      <c r="E4322" s="14"/>
      <c r="F4322" s="16"/>
      <c r="G4322" s="2"/>
      <c r="H4322" s="2"/>
      <c r="I4322" s="2"/>
      <c r="J4322" s="2"/>
      <c r="K4322" s="2"/>
      <c r="L4322" s="2"/>
    </row>
    <row r="4323" spans="1:12" s="17" customFormat="1" ht="27" customHeight="1" x14ac:dyDescent="0.15">
      <c r="A4323" s="13"/>
      <c r="B4323" s="14"/>
      <c r="C4323" s="13"/>
      <c r="D4323" s="14"/>
      <c r="E4323" s="14"/>
      <c r="F4323" s="16"/>
      <c r="G4323" s="2"/>
      <c r="H4323" s="2"/>
      <c r="I4323" s="2"/>
      <c r="J4323" s="2"/>
      <c r="K4323" s="2"/>
      <c r="L4323" s="2"/>
    </row>
    <row r="4324" spans="1:12" s="17" customFormat="1" ht="27" customHeight="1" x14ac:dyDescent="0.15">
      <c r="A4324" s="13"/>
      <c r="B4324" s="14"/>
      <c r="C4324" s="13"/>
      <c r="D4324" s="14"/>
      <c r="E4324" s="14"/>
      <c r="F4324" s="16"/>
      <c r="G4324" s="2"/>
      <c r="H4324" s="2"/>
      <c r="I4324" s="2"/>
      <c r="J4324" s="2"/>
      <c r="K4324" s="2"/>
      <c r="L4324" s="2"/>
    </row>
    <row r="4325" spans="1:12" s="17" customFormat="1" ht="27" customHeight="1" x14ac:dyDescent="0.15">
      <c r="A4325" s="13"/>
      <c r="B4325" s="14"/>
      <c r="C4325" s="13"/>
      <c r="D4325" s="14"/>
      <c r="E4325" s="14"/>
      <c r="F4325" s="16"/>
      <c r="G4325" s="2"/>
      <c r="H4325" s="2"/>
      <c r="I4325" s="2"/>
      <c r="J4325" s="2"/>
      <c r="K4325" s="2"/>
      <c r="L4325" s="2"/>
    </row>
    <row r="4326" spans="1:12" s="17" customFormat="1" ht="27" customHeight="1" x14ac:dyDescent="0.15">
      <c r="A4326" s="13"/>
      <c r="B4326" s="14"/>
      <c r="C4326" s="13"/>
      <c r="D4326" s="14"/>
      <c r="E4326" s="14"/>
      <c r="F4326" s="16"/>
      <c r="G4326" s="2"/>
      <c r="H4326" s="2"/>
      <c r="I4326" s="2"/>
      <c r="J4326" s="2"/>
      <c r="K4326" s="2"/>
      <c r="L4326" s="2"/>
    </row>
    <row r="4327" spans="1:12" s="17" customFormat="1" ht="27" customHeight="1" x14ac:dyDescent="0.15">
      <c r="A4327" s="13"/>
      <c r="B4327" s="14"/>
      <c r="C4327" s="13"/>
      <c r="D4327" s="14"/>
      <c r="E4327" s="14"/>
      <c r="F4327" s="16"/>
      <c r="G4327" s="2"/>
      <c r="H4327" s="2"/>
      <c r="I4327" s="2"/>
      <c r="J4327" s="2"/>
      <c r="K4327" s="2"/>
      <c r="L4327" s="2"/>
    </row>
    <row r="4328" spans="1:12" s="17" customFormat="1" ht="27" customHeight="1" x14ac:dyDescent="0.15">
      <c r="A4328" s="13"/>
      <c r="B4328" s="14"/>
      <c r="C4328" s="13"/>
      <c r="D4328" s="14"/>
      <c r="E4328" s="14"/>
      <c r="F4328" s="16"/>
      <c r="G4328" s="2"/>
      <c r="H4328" s="2"/>
      <c r="I4328" s="2"/>
      <c r="J4328" s="2"/>
      <c r="K4328" s="2"/>
      <c r="L4328" s="2"/>
    </row>
    <row r="4329" spans="1:12" s="17" customFormat="1" ht="27" customHeight="1" x14ac:dyDescent="0.15">
      <c r="A4329" s="13"/>
      <c r="B4329" s="14"/>
      <c r="C4329" s="13"/>
      <c r="D4329" s="14"/>
      <c r="E4329" s="14"/>
      <c r="F4329" s="16"/>
      <c r="G4329" s="2"/>
      <c r="H4329" s="2"/>
      <c r="I4329" s="2"/>
      <c r="J4329" s="2"/>
      <c r="K4329" s="2"/>
      <c r="L4329" s="2"/>
    </row>
    <row r="4330" spans="1:12" s="17" customFormat="1" ht="27" customHeight="1" x14ac:dyDescent="0.15">
      <c r="A4330" s="13"/>
      <c r="B4330" s="14"/>
      <c r="C4330" s="13"/>
      <c r="D4330" s="14"/>
      <c r="E4330" s="14"/>
      <c r="F4330" s="16"/>
      <c r="G4330" s="2"/>
      <c r="H4330" s="2"/>
      <c r="I4330" s="2"/>
      <c r="J4330" s="2"/>
      <c r="K4330" s="2"/>
      <c r="L4330" s="2"/>
    </row>
    <row r="4331" spans="1:12" s="17" customFormat="1" ht="27" customHeight="1" x14ac:dyDescent="0.15">
      <c r="A4331" s="13"/>
      <c r="B4331" s="14"/>
      <c r="C4331" s="13"/>
      <c r="D4331" s="14"/>
      <c r="E4331" s="14"/>
      <c r="F4331" s="16"/>
      <c r="G4331" s="2"/>
      <c r="H4331" s="2"/>
      <c r="I4331" s="2"/>
      <c r="J4331" s="2"/>
      <c r="K4331" s="2"/>
      <c r="L4331" s="2"/>
    </row>
    <row r="4332" spans="1:12" s="17" customFormat="1" ht="27" customHeight="1" x14ac:dyDescent="0.15">
      <c r="A4332" s="13"/>
      <c r="B4332" s="14"/>
      <c r="C4332" s="13"/>
      <c r="D4332" s="14"/>
      <c r="E4332" s="14"/>
      <c r="F4332" s="16"/>
      <c r="G4332" s="2"/>
      <c r="H4332" s="2"/>
      <c r="I4332" s="2"/>
      <c r="J4332" s="2"/>
      <c r="K4332" s="2"/>
      <c r="L4332" s="2"/>
    </row>
    <row r="4333" spans="1:12" s="17" customFormat="1" ht="27" customHeight="1" x14ac:dyDescent="0.15">
      <c r="A4333" s="13"/>
      <c r="B4333" s="14"/>
      <c r="C4333" s="13"/>
      <c r="D4333" s="14"/>
      <c r="E4333" s="14"/>
      <c r="F4333" s="16"/>
      <c r="G4333" s="2"/>
      <c r="H4333" s="2"/>
      <c r="I4333" s="2"/>
      <c r="J4333" s="2"/>
      <c r="K4333" s="2"/>
      <c r="L4333" s="2"/>
    </row>
    <row r="4334" spans="1:12" s="17" customFormat="1" ht="27" customHeight="1" x14ac:dyDescent="0.15">
      <c r="A4334" s="13"/>
      <c r="B4334" s="14"/>
      <c r="C4334" s="13"/>
      <c r="D4334" s="14"/>
      <c r="E4334" s="14"/>
      <c r="F4334" s="16"/>
      <c r="G4334" s="2"/>
      <c r="H4334" s="2"/>
      <c r="I4334" s="2"/>
      <c r="J4334" s="2"/>
      <c r="K4334" s="2"/>
      <c r="L4334" s="2"/>
    </row>
    <row r="4335" spans="1:12" s="17" customFormat="1" ht="27" customHeight="1" x14ac:dyDescent="0.15">
      <c r="A4335" s="13"/>
      <c r="B4335" s="14"/>
      <c r="C4335" s="13"/>
      <c r="D4335" s="14"/>
      <c r="E4335" s="14"/>
      <c r="F4335" s="16"/>
      <c r="G4335" s="2"/>
      <c r="H4335" s="2"/>
      <c r="I4335" s="2"/>
      <c r="J4335" s="2"/>
      <c r="K4335" s="2"/>
      <c r="L4335" s="2"/>
    </row>
    <row r="4336" spans="1:12" s="17" customFormat="1" ht="27" customHeight="1" x14ac:dyDescent="0.15">
      <c r="A4336" s="13"/>
      <c r="B4336" s="14"/>
      <c r="C4336" s="13"/>
      <c r="D4336" s="14"/>
      <c r="E4336" s="14"/>
      <c r="F4336" s="16"/>
      <c r="G4336" s="2"/>
      <c r="H4336" s="2"/>
      <c r="I4336" s="2"/>
      <c r="J4336" s="2"/>
      <c r="K4336" s="2"/>
      <c r="L4336" s="2"/>
    </row>
    <row r="4337" spans="1:12" s="17" customFormat="1" ht="27" customHeight="1" x14ac:dyDescent="0.15">
      <c r="A4337" s="13"/>
      <c r="B4337" s="14"/>
      <c r="C4337" s="13"/>
      <c r="D4337" s="14"/>
      <c r="E4337" s="14"/>
      <c r="F4337" s="16"/>
      <c r="G4337" s="2"/>
      <c r="H4337" s="2"/>
      <c r="I4337" s="2"/>
      <c r="J4337" s="2"/>
      <c r="K4337" s="2"/>
      <c r="L4337" s="2"/>
    </row>
    <row r="4338" spans="1:12" s="17" customFormat="1" ht="27" customHeight="1" x14ac:dyDescent="0.15">
      <c r="A4338" s="13"/>
      <c r="B4338" s="14"/>
      <c r="C4338" s="13"/>
      <c r="D4338" s="14"/>
      <c r="E4338" s="14"/>
      <c r="F4338" s="16"/>
      <c r="G4338" s="2"/>
      <c r="H4338" s="2"/>
      <c r="I4338" s="2"/>
      <c r="J4338" s="2"/>
      <c r="K4338" s="2"/>
      <c r="L4338" s="2"/>
    </row>
    <row r="4339" spans="1:12" s="17" customFormat="1" ht="27" customHeight="1" x14ac:dyDescent="0.15">
      <c r="A4339" s="13"/>
      <c r="B4339" s="14"/>
      <c r="C4339" s="13"/>
      <c r="D4339" s="14"/>
      <c r="E4339" s="14"/>
      <c r="F4339" s="16"/>
      <c r="G4339" s="2"/>
      <c r="H4339" s="2"/>
      <c r="I4339" s="2"/>
      <c r="J4339" s="2"/>
      <c r="K4339" s="2"/>
      <c r="L4339" s="2"/>
    </row>
    <row r="4340" spans="1:12" s="17" customFormat="1" ht="27" customHeight="1" x14ac:dyDescent="0.15">
      <c r="A4340" s="13"/>
      <c r="B4340" s="14"/>
      <c r="C4340" s="13"/>
      <c r="D4340" s="14"/>
      <c r="E4340" s="14"/>
      <c r="F4340" s="16"/>
      <c r="G4340" s="2"/>
      <c r="H4340" s="2"/>
      <c r="I4340" s="2"/>
      <c r="J4340" s="2"/>
      <c r="K4340" s="2"/>
      <c r="L4340" s="2"/>
    </row>
    <row r="4341" spans="1:12" s="17" customFormat="1" ht="27" customHeight="1" x14ac:dyDescent="0.15">
      <c r="A4341" s="13"/>
      <c r="B4341" s="14"/>
      <c r="C4341" s="13"/>
      <c r="D4341" s="14"/>
      <c r="E4341" s="14"/>
      <c r="F4341" s="16"/>
      <c r="G4341" s="2"/>
      <c r="H4341" s="2"/>
      <c r="I4341" s="2"/>
      <c r="J4341" s="2"/>
      <c r="K4341" s="2"/>
      <c r="L4341" s="2"/>
    </row>
    <row r="4342" spans="1:12" s="17" customFormat="1" ht="27" customHeight="1" x14ac:dyDescent="0.15">
      <c r="A4342" s="13"/>
      <c r="B4342" s="14"/>
      <c r="C4342" s="13"/>
      <c r="D4342" s="14"/>
      <c r="E4342" s="14"/>
      <c r="F4342" s="16"/>
      <c r="G4342" s="2"/>
      <c r="H4342" s="2"/>
      <c r="I4342" s="2"/>
      <c r="J4342" s="2"/>
      <c r="K4342" s="2"/>
      <c r="L4342" s="2"/>
    </row>
    <row r="4343" spans="1:12" s="17" customFormat="1" ht="27" customHeight="1" x14ac:dyDescent="0.15">
      <c r="A4343" s="13"/>
      <c r="B4343" s="14"/>
      <c r="C4343" s="13"/>
      <c r="D4343" s="14"/>
      <c r="E4343" s="14"/>
      <c r="F4343" s="16"/>
      <c r="G4343" s="2"/>
      <c r="H4343" s="2"/>
      <c r="I4343" s="2"/>
      <c r="J4343" s="2"/>
      <c r="K4343" s="2"/>
      <c r="L4343" s="2"/>
    </row>
    <row r="4344" spans="1:12" s="17" customFormat="1" ht="27" customHeight="1" x14ac:dyDescent="0.15">
      <c r="A4344" s="13"/>
      <c r="B4344" s="14"/>
      <c r="C4344" s="13"/>
      <c r="D4344" s="14"/>
      <c r="E4344" s="14"/>
      <c r="F4344" s="16"/>
      <c r="G4344" s="2"/>
      <c r="H4344" s="2"/>
      <c r="I4344" s="2"/>
      <c r="J4344" s="2"/>
      <c r="K4344" s="2"/>
      <c r="L4344" s="2"/>
    </row>
    <row r="4345" spans="1:12" s="17" customFormat="1" ht="27" customHeight="1" x14ac:dyDescent="0.15">
      <c r="A4345" s="13"/>
      <c r="B4345" s="14"/>
      <c r="C4345" s="13"/>
      <c r="D4345" s="14"/>
      <c r="E4345" s="14"/>
      <c r="F4345" s="16"/>
      <c r="G4345" s="2"/>
      <c r="H4345" s="2"/>
      <c r="I4345" s="2"/>
      <c r="J4345" s="2"/>
      <c r="K4345" s="2"/>
      <c r="L4345" s="2"/>
    </row>
    <row r="4346" spans="1:12" s="17" customFormat="1" ht="27" customHeight="1" x14ac:dyDescent="0.15">
      <c r="A4346" s="13"/>
      <c r="B4346" s="14"/>
      <c r="C4346" s="13"/>
      <c r="D4346" s="14"/>
      <c r="E4346" s="14"/>
      <c r="F4346" s="16"/>
      <c r="G4346" s="2"/>
      <c r="H4346" s="2"/>
      <c r="I4346" s="2"/>
      <c r="J4346" s="2"/>
      <c r="K4346" s="2"/>
      <c r="L4346" s="2"/>
    </row>
    <row r="4347" spans="1:12" s="17" customFormat="1" ht="27" customHeight="1" x14ac:dyDescent="0.15">
      <c r="A4347" s="13"/>
      <c r="B4347" s="14"/>
      <c r="C4347" s="13"/>
      <c r="D4347" s="14"/>
      <c r="E4347" s="14"/>
      <c r="F4347" s="16"/>
      <c r="G4347" s="2"/>
      <c r="H4347" s="2"/>
      <c r="I4347" s="2"/>
      <c r="J4347" s="2"/>
      <c r="K4347" s="2"/>
      <c r="L4347" s="2"/>
    </row>
    <row r="4348" spans="1:12" s="17" customFormat="1" ht="27" customHeight="1" x14ac:dyDescent="0.15">
      <c r="A4348" s="13"/>
      <c r="B4348" s="14"/>
      <c r="C4348" s="13"/>
      <c r="D4348" s="14"/>
      <c r="E4348" s="14"/>
      <c r="F4348" s="16"/>
      <c r="G4348" s="2"/>
      <c r="H4348" s="2"/>
      <c r="I4348" s="2"/>
      <c r="J4348" s="2"/>
      <c r="K4348" s="2"/>
      <c r="L4348" s="2"/>
    </row>
    <row r="4349" spans="1:12" s="17" customFormat="1" ht="27" customHeight="1" x14ac:dyDescent="0.15">
      <c r="A4349" s="13"/>
      <c r="B4349" s="14"/>
      <c r="C4349" s="13"/>
      <c r="D4349" s="14"/>
      <c r="E4349" s="14"/>
      <c r="F4349" s="16"/>
      <c r="G4349" s="2"/>
      <c r="H4349" s="2"/>
      <c r="I4349" s="2"/>
      <c r="J4349" s="2"/>
      <c r="K4349" s="2"/>
      <c r="L4349" s="2"/>
    </row>
    <row r="4350" spans="1:12" s="17" customFormat="1" ht="27" customHeight="1" x14ac:dyDescent="0.15">
      <c r="A4350" s="13"/>
      <c r="B4350" s="14"/>
      <c r="C4350" s="13"/>
      <c r="D4350" s="14"/>
      <c r="E4350" s="14"/>
      <c r="F4350" s="16"/>
      <c r="G4350" s="2"/>
      <c r="H4350" s="2"/>
      <c r="I4350" s="2"/>
      <c r="J4350" s="2"/>
      <c r="K4350" s="2"/>
      <c r="L4350" s="2"/>
    </row>
    <row r="4351" spans="1:12" s="17" customFormat="1" ht="27" customHeight="1" x14ac:dyDescent="0.15">
      <c r="A4351" s="13"/>
      <c r="B4351" s="14"/>
      <c r="C4351" s="13"/>
      <c r="D4351" s="14"/>
      <c r="E4351" s="14"/>
      <c r="F4351" s="16"/>
      <c r="G4351" s="2"/>
      <c r="H4351" s="2"/>
      <c r="I4351" s="2"/>
      <c r="J4351" s="2"/>
      <c r="K4351" s="2"/>
      <c r="L4351" s="2"/>
    </row>
    <row r="4352" spans="1:12" s="17" customFormat="1" ht="27" customHeight="1" x14ac:dyDescent="0.15">
      <c r="A4352" s="13"/>
      <c r="B4352" s="14"/>
      <c r="C4352" s="13"/>
      <c r="D4352" s="14"/>
      <c r="E4352" s="14"/>
      <c r="F4352" s="16"/>
      <c r="G4352" s="2"/>
      <c r="H4352" s="2"/>
      <c r="I4352" s="2"/>
      <c r="J4352" s="2"/>
      <c r="K4352" s="2"/>
      <c r="L4352" s="2"/>
    </row>
    <row r="4353" spans="1:12" s="17" customFormat="1" ht="27" customHeight="1" x14ac:dyDescent="0.15">
      <c r="A4353" s="13"/>
      <c r="B4353" s="14"/>
      <c r="C4353" s="13"/>
      <c r="D4353" s="14"/>
      <c r="E4353" s="14"/>
      <c r="F4353" s="16"/>
      <c r="G4353" s="2"/>
      <c r="H4353" s="2"/>
      <c r="I4353" s="2"/>
      <c r="J4353" s="2"/>
      <c r="K4353" s="2"/>
      <c r="L4353" s="2"/>
    </row>
    <row r="4354" spans="1:12" s="17" customFormat="1" ht="27" customHeight="1" x14ac:dyDescent="0.15">
      <c r="A4354" s="13"/>
      <c r="B4354" s="14"/>
      <c r="C4354" s="13"/>
      <c r="D4354" s="14"/>
      <c r="E4354" s="14"/>
      <c r="F4354" s="16"/>
      <c r="G4354" s="2"/>
      <c r="H4354" s="2"/>
      <c r="I4354" s="2"/>
      <c r="J4354" s="2"/>
      <c r="K4354" s="2"/>
      <c r="L4354" s="2"/>
    </row>
    <row r="4355" spans="1:12" s="17" customFormat="1" ht="27" customHeight="1" x14ac:dyDescent="0.15">
      <c r="A4355" s="13"/>
      <c r="B4355" s="14"/>
      <c r="C4355" s="13"/>
      <c r="D4355" s="14"/>
      <c r="E4355" s="14"/>
      <c r="F4355" s="16"/>
      <c r="G4355" s="2"/>
      <c r="H4355" s="2"/>
      <c r="I4355" s="2"/>
      <c r="J4355" s="2"/>
      <c r="K4355" s="2"/>
      <c r="L4355" s="2"/>
    </row>
    <row r="4356" spans="1:12" s="17" customFormat="1" ht="27" customHeight="1" x14ac:dyDescent="0.15">
      <c r="A4356" s="13"/>
      <c r="B4356" s="14"/>
      <c r="C4356" s="13"/>
      <c r="D4356" s="14"/>
      <c r="E4356" s="14"/>
      <c r="F4356" s="16"/>
      <c r="G4356" s="2"/>
      <c r="H4356" s="2"/>
      <c r="I4356" s="2"/>
      <c r="J4356" s="2"/>
      <c r="K4356" s="2"/>
      <c r="L4356" s="2"/>
    </row>
    <row r="4357" spans="1:12" s="17" customFormat="1" ht="27" customHeight="1" x14ac:dyDescent="0.15">
      <c r="A4357" s="13"/>
      <c r="B4357" s="14"/>
      <c r="C4357" s="13"/>
      <c r="D4357" s="14"/>
      <c r="E4357" s="14"/>
      <c r="F4357" s="16"/>
      <c r="G4357" s="2"/>
      <c r="H4357" s="2"/>
      <c r="I4357" s="2"/>
      <c r="J4357" s="2"/>
      <c r="K4357" s="2"/>
      <c r="L4357" s="2"/>
    </row>
    <row r="4358" spans="1:12" s="17" customFormat="1" ht="27" customHeight="1" x14ac:dyDescent="0.15">
      <c r="A4358" s="13"/>
      <c r="B4358" s="14"/>
      <c r="C4358" s="13"/>
      <c r="D4358" s="14"/>
      <c r="E4358" s="14"/>
      <c r="F4358" s="16"/>
      <c r="G4358" s="2"/>
      <c r="H4358" s="2"/>
      <c r="I4358" s="2"/>
      <c r="J4358" s="2"/>
      <c r="K4358" s="2"/>
      <c r="L4358" s="2"/>
    </row>
    <row r="4359" spans="1:12" s="17" customFormat="1" ht="27" customHeight="1" x14ac:dyDescent="0.15">
      <c r="A4359" s="13"/>
      <c r="B4359" s="14"/>
      <c r="C4359" s="13"/>
      <c r="D4359" s="14"/>
      <c r="E4359" s="14"/>
      <c r="F4359" s="16"/>
      <c r="G4359" s="2"/>
      <c r="H4359" s="2"/>
      <c r="I4359" s="2"/>
      <c r="J4359" s="2"/>
      <c r="K4359" s="2"/>
      <c r="L4359" s="2"/>
    </row>
    <row r="4360" spans="1:12" s="17" customFormat="1" ht="27" customHeight="1" x14ac:dyDescent="0.15">
      <c r="A4360" s="13"/>
      <c r="B4360" s="14"/>
      <c r="C4360" s="13"/>
      <c r="D4360" s="14"/>
      <c r="E4360" s="14"/>
      <c r="F4360" s="16"/>
      <c r="G4360" s="2"/>
      <c r="H4360" s="2"/>
      <c r="I4360" s="2"/>
      <c r="J4360" s="2"/>
      <c r="K4360" s="2"/>
      <c r="L4360" s="2"/>
    </row>
    <row r="4361" spans="1:12" s="17" customFormat="1" ht="27" customHeight="1" x14ac:dyDescent="0.15">
      <c r="A4361" s="13"/>
      <c r="B4361" s="14"/>
      <c r="C4361" s="13"/>
      <c r="D4361" s="14"/>
      <c r="E4361" s="14"/>
      <c r="F4361" s="16"/>
      <c r="G4361" s="2"/>
      <c r="H4361" s="2"/>
      <c r="I4361" s="2"/>
      <c r="J4361" s="2"/>
      <c r="K4361" s="2"/>
      <c r="L4361" s="2"/>
    </row>
    <row r="4362" spans="1:12" s="17" customFormat="1" ht="27" customHeight="1" x14ac:dyDescent="0.15">
      <c r="A4362" s="13"/>
      <c r="B4362" s="14"/>
      <c r="C4362" s="13"/>
      <c r="D4362" s="14"/>
      <c r="E4362" s="14"/>
      <c r="F4362" s="16"/>
      <c r="G4362" s="2"/>
      <c r="H4362" s="2"/>
      <c r="I4362" s="2"/>
      <c r="J4362" s="2"/>
      <c r="K4362" s="2"/>
      <c r="L4362" s="2"/>
    </row>
    <row r="4363" spans="1:12" s="17" customFormat="1" ht="27" customHeight="1" x14ac:dyDescent="0.15">
      <c r="A4363" s="13"/>
      <c r="B4363" s="14"/>
      <c r="C4363" s="13"/>
      <c r="D4363" s="14"/>
      <c r="E4363" s="14"/>
      <c r="F4363" s="16"/>
      <c r="G4363" s="2"/>
      <c r="H4363" s="2"/>
      <c r="I4363" s="2"/>
      <c r="J4363" s="2"/>
      <c r="K4363" s="2"/>
      <c r="L4363" s="2"/>
    </row>
    <row r="4364" spans="1:12" s="17" customFormat="1" ht="27" customHeight="1" x14ac:dyDescent="0.15">
      <c r="A4364" s="13"/>
      <c r="B4364" s="14"/>
      <c r="C4364" s="13"/>
      <c r="D4364" s="14"/>
      <c r="E4364" s="14"/>
      <c r="F4364" s="16"/>
      <c r="G4364" s="2"/>
      <c r="H4364" s="2"/>
      <c r="I4364" s="2"/>
      <c r="J4364" s="2"/>
      <c r="K4364" s="2"/>
      <c r="L4364" s="2"/>
    </row>
    <row r="4365" spans="1:12" s="17" customFormat="1" ht="27" customHeight="1" x14ac:dyDescent="0.15">
      <c r="A4365" s="13"/>
      <c r="B4365" s="14"/>
      <c r="C4365" s="13"/>
      <c r="D4365" s="14"/>
      <c r="E4365" s="14"/>
      <c r="F4365" s="16"/>
      <c r="G4365" s="2"/>
      <c r="H4365" s="2"/>
      <c r="I4365" s="2"/>
      <c r="J4365" s="2"/>
      <c r="K4365" s="2"/>
      <c r="L4365" s="2"/>
    </row>
    <row r="4366" spans="1:12" s="17" customFormat="1" ht="27" customHeight="1" x14ac:dyDescent="0.15">
      <c r="A4366" s="13"/>
      <c r="B4366" s="14"/>
      <c r="C4366" s="13"/>
      <c r="D4366" s="14"/>
      <c r="E4366" s="14"/>
      <c r="F4366" s="16"/>
      <c r="G4366" s="2"/>
      <c r="H4366" s="2"/>
      <c r="I4366" s="2"/>
      <c r="J4366" s="2"/>
      <c r="K4366" s="2"/>
      <c r="L4366" s="2"/>
    </row>
    <row r="4367" spans="1:12" s="17" customFormat="1" ht="27" customHeight="1" x14ac:dyDescent="0.15">
      <c r="A4367" s="13"/>
      <c r="B4367" s="14"/>
      <c r="C4367" s="13"/>
      <c r="D4367" s="14"/>
      <c r="E4367" s="14"/>
      <c r="F4367" s="16"/>
      <c r="G4367" s="2"/>
      <c r="H4367" s="2"/>
      <c r="I4367" s="2"/>
      <c r="J4367" s="2"/>
      <c r="K4367" s="2"/>
      <c r="L4367" s="2"/>
    </row>
    <row r="4368" spans="1:12" s="17" customFormat="1" ht="27" customHeight="1" x14ac:dyDescent="0.15">
      <c r="A4368" s="13"/>
      <c r="B4368" s="14"/>
      <c r="C4368" s="13"/>
      <c r="D4368" s="14"/>
      <c r="E4368" s="14"/>
      <c r="F4368" s="16"/>
      <c r="G4368" s="2"/>
      <c r="H4368" s="2"/>
      <c r="I4368" s="2"/>
      <c r="J4368" s="2"/>
      <c r="K4368" s="2"/>
      <c r="L4368" s="2"/>
    </row>
    <row r="4369" spans="1:12" s="17" customFormat="1" ht="27" customHeight="1" x14ac:dyDescent="0.15">
      <c r="A4369" s="13"/>
      <c r="B4369" s="14"/>
      <c r="C4369" s="13"/>
      <c r="D4369" s="14"/>
      <c r="E4369" s="14"/>
      <c r="F4369" s="16"/>
      <c r="G4369" s="2"/>
      <c r="H4369" s="2"/>
      <c r="I4369" s="2"/>
      <c r="J4369" s="2"/>
      <c r="K4369" s="2"/>
      <c r="L4369" s="2"/>
    </row>
    <row r="4370" spans="1:12" s="17" customFormat="1" ht="27" customHeight="1" x14ac:dyDescent="0.15">
      <c r="A4370" s="13"/>
      <c r="B4370" s="14"/>
      <c r="C4370" s="13"/>
      <c r="D4370" s="14"/>
      <c r="E4370" s="14"/>
      <c r="F4370" s="16"/>
      <c r="G4370" s="2"/>
      <c r="H4370" s="2"/>
      <c r="I4370" s="2"/>
      <c r="J4370" s="2"/>
      <c r="K4370" s="2"/>
      <c r="L4370" s="2"/>
    </row>
    <row r="4371" spans="1:12" s="17" customFormat="1" ht="27" customHeight="1" x14ac:dyDescent="0.15">
      <c r="A4371" s="13"/>
      <c r="B4371" s="14"/>
      <c r="C4371" s="13"/>
      <c r="D4371" s="14"/>
      <c r="E4371" s="14"/>
      <c r="F4371" s="16"/>
      <c r="G4371" s="2"/>
      <c r="H4371" s="2"/>
      <c r="I4371" s="2"/>
      <c r="J4371" s="2"/>
      <c r="K4371" s="2"/>
      <c r="L4371" s="2"/>
    </row>
    <row r="4372" spans="1:12" s="17" customFormat="1" ht="27" customHeight="1" x14ac:dyDescent="0.15">
      <c r="A4372" s="13"/>
      <c r="B4372" s="14"/>
      <c r="C4372" s="13"/>
      <c r="D4372" s="14"/>
      <c r="E4372" s="14"/>
      <c r="F4372" s="16"/>
      <c r="G4372" s="2"/>
      <c r="H4372" s="2"/>
      <c r="I4372" s="2"/>
      <c r="J4372" s="2"/>
      <c r="K4372" s="2"/>
      <c r="L4372" s="2"/>
    </row>
    <row r="4373" spans="1:12" s="17" customFormat="1" ht="27" customHeight="1" x14ac:dyDescent="0.15">
      <c r="A4373" s="13"/>
      <c r="B4373" s="14"/>
      <c r="C4373" s="13"/>
      <c r="D4373" s="14"/>
      <c r="E4373" s="14"/>
      <c r="F4373" s="16"/>
      <c r="G4373" s="2"/>
      <c r="H4373" s="2"/>
      <c r="I4373" s="2"/>
      <c r="J4373" s="2"/>
      <c r="K4373" s="2"/>
      <c r="L4373" s="2"/>
    </row>
    <row r="4374" spans="1:12" s="17" customFormat="1" ht="27" customHeight="1" x14ac:dyDescent="0.15">
      <c r="A4374" s="13"/>
      <c r="B4374" s="14"/>
      <c r="C4374" s="13"/>
      <c r="D4374" s="14"/>
      <c r="E4374" s="14"/>
      <c r="F4374" s="16"/>
      <c r="G4374" s="2"/>
      <c r="H4374" s="2"/>
      <c r="I4374" s="2"/>
      <c r="J4374" s="2"/>
      <c r="K4374" s="2"/>
      <c r="L4374" s="2"/>
    </row>
    <row r="4375" spans="1:12" s="17" customFormat="1" ht="27" customHeight="1" x14ac:dyDescent="0.15">
      <c r="A4375" s="13"/>
      <c r="B4375" s="14"/>
      <c r="C4375" s="13"/>
      <c r="D4375" s="14"/>
      <c r="E4375" s="14"/>
      <c r="F4375" s="16"/>
      <c r="G4375" s="2"/>
      <c r="H4375" s="2"/>
      <c r="I4375" s="2"/>
      <c r="J4375" s="2"/>
      <c r="K4375" s="2"/>
      <c r="L4375" s="2"/>
    </row>
    <row r="4376" spans="1:12" s="17" customFormat="1" ht="27" customHeight="1" x14ac:dyDescent="0.15">
      <c r="A4376" s="13"/>
      <c r="B4376" s="14"/>
      <c r="C4376" s="13"/>
      <c r="D4376" s="14"/>
      <c r="E4376" s="14"/>
      <c r="F4376" s="16"/>
      <c r="G4376" s="2"/>
      <c r="H4376" s="2"/>
      <c r="I4376" s="2"/>
      <c r="J4376" s="2"/>
      <c r="K4376" s="2"/>
      <c r="L4376" s="2"/>
    </row>
    <row r="4377" spans="1:12" s="17" customFormat="1" ht="27" customHeight="1" x14ac:dyDescent="0.15">
      <c r="A4377" s="13"/>
      <c r="B4377" s="14"/>
      <c r="C4377" s="13"/>
      <c r="D4377" s="14"/>
      <c r="E4377" s="14"/>
      <c r="F4377" s="16"/>
      <c r="G4377" s="2"/>
      <c r="H4377" s="2"/>
      <c r="I4377" s="2"/>
      <c r="J4377" s="2"/>
      <c r="K4377" s="2"/>
      <c r="L4377" s="2"/>
    </row>
    <row r="4378" spans="1:12" s="17" customFormat="1" ht="27" customHeight="1" x14ac:dyDescent="0.15">
      <c r="A4378" s="13"/>
      <c r="B4378" s="14"/>
      <c r="C4378" s="13"/>
      <c r="D4378" s="14"/>
      <c r="E4378" s="14"/>
      <c r="F4378" s="16"/>
      <c r="G4378" s="2"/>
      <c r="H4378" s="2"/>
      <c r="I4378" s="2"/>
      <c r="J4378" s="2"/>
      <c r="K4378" s="2"/>
      <c r="L4378" s="2"/>
    </row>
    <row r="4379" spans="1:12" s="17" customFormat="1" ht="27" customHeight="1" x14ac:dyDescent="0.15">
      <c r="A4379" s="13"/>
      <c r="B4379" s="14"/>
      <c r="C4379" s="13"/>
      <c r="D4379" s="14"/>
      <c r="E4379" s="14"/>
      <c r="F4379" s="16"/>
      <c r="G4379" s="2"/>
      <c r="H4379" s="2"/>
      <c r="I4379" s="2"/>
      <c r="J4379" s="2"/>
      <c r="K4379" s="2"/>
      <c r="L4379" s="2"/>
    </row>
    <row r="4380" spans="1:12" s="17" customFormat="1" ht="27" customHeight="1" x14ac:dyDescent="0.15">
      <c r="A4380" s="13"/>
      <c r="B4380" s="14"/>
      <c r="C4380" s="13"/>
      <c r="D4380" s="14"/>
      <c r="E4380" s="14"/>
      <c r="F4380" s="16"/>
      <c r="G4380" s="2"/>
      <c r="H4380" s="2"/>
      <c r="I4380" s="2"/>
      <c r="J4380" s="2"/>
      <c r="K4380" s="2"/>
      <c r="L4380" s="2"/>
    </row>
    <row r="4381" spans="1:12" s="17" customFormat="1" ht="27" customHeight="1" x14ac:dyDescent="0.15">
      <c r="A4381" s="13"/>
      <c r="B4381" s="14"/>
      <c r="C4381" s="13"/>
      <c r="D4381" s="14"/>
      <c r="E4381" s="14"/>
      <c r="F4381" s="16"/>
      <c r="G4381" s="2"/>
      <c r="H4381" s="2"/>
      <c r="I4381" s="2"/>
      <c r="J4381" s="2"/>
      <c r="K4381" s="2"/>
      <c r="L4381" s="2"/>
    </row>
    <row r="4382" spans="1:12" s="17" customFormat="1" ht="27" customHeight="1" x14ac:dyDescent="0.15">
      <c r="A4382" s="13"/>
      <c r="B4382" s="14"/>
      <c r="C4382" s="13"/>
      <c r="D4382" s="14"/>
      <c r="E4382" s="14"/>
      <c r="F4382" s="16"/>
      <c r="G4382" s="2"/>
      <c r="H4382" s="2"/>
      <c r="I4382" s="2"/>
      <c r="J4382" s="2"/>
      <c r="K4382" s="2"/>
      <c r="L4382" s="2"/>
    </row>
    <row r="4383" spans="1:12" s="17" customFormat="1" ht="27" customHeight="1" x14ac:dyDescent="0.15">
      <c r="A4383" s="13"/>
      <c r="B4383" s="14"/>
      <c r="C4383" s="13"/>
      <c r="D4383" s="14"/>
      <c r="E4383" s="14"/>
      <c r="F4383" s="16"/>
      <c r="G4383" s="2"/>
      <c r="H4383" s="2"/>
      <c r="I4383" s="2"/>
      <c r="J4383" s="2"/>
      <c r="K4383" s="2"/>
      <c r="L4383" s="2"/>
    </row>
    <row r="4384" spans="1:12" s="17" customFormat="1" ht="27" customHeight="1" x14ac:dyDescent="0.15">
      <c r="A4384" s="13"/>
      <c r="B4384" s="14"/>
      <c r="C4384" s="13"/>
      <c r="D4384" s="14"/>
      <c r="E4384" s="14"/>
      <c r="F4384" s="16"/>
      <c r="G4384" s="2"/>
      <c r="H4384" s="2"/>
      <c r="I4384" s="2"/>
      <c r="J4384" s="2"/>
      <c r="K4384" s="2"/>
      <c r="L4384" s="2"/>
    </row>
    <row r="4385" spans="1:12" s="17" customFormat="1" ht="27" customHeight="1" x14ac:dyDescent="0.15">
      <c r="A4385" s="13"/>
      <c r="B4385" s="14"/>
      <c r="C4385" s="13"/>
      <c r="D4385" s="14"/>
      <c r="E4385" s="14"/>
      <c r="F4385" s="16"/>
      <c r="G4385" s="2"/>
      <c r="H4385" s="2"/>
      <c r="I4385" s="2"/>
      <c r="J4385" s="2"/>
      <c r="K4385" s="2"/>
      <c r="L4385" s="2"/>
    </row>
    <row r="4386" spans="1:12" s="17" customFormat="1" ht="27" customHeight="1" x14ac:dyDescent="0.15">
      <c r="A4386" s="13"/>
      <c r="B4386" s="14"/>
      <c r="C4386" s="13"/>
      <c r="D4386" s="14"/>
      <c r="E4386" s="14"/>
      <c r="F4386" s="16"/>
      <c r="G4386" s="2"/>
      <c r="H4386" s="2"/>
      <c r="I4386" s="2"/>
      <c r="J4386" s="2"/>
      <c r="K4386" s="2"/>
      <c r="L4386" s="2"/>
    </row>
    <row r="4387" spans="1:12" s="17" customFormat="1" ht="27" customHeight="1" x14ac:dyDescent="0.15">
      <c r="A4387" s="13"/>
      <c r="B4387" s="14"/>
      <c r="C4387" s="13"/>
      <c r="D4387" s="14"/>
      <c r="E4387" s="14"/>
      <c r="F4387" s="16"/>
      <c r="G4387" s="2"/>
      <c r="H4387" s="2"/>
      <c r="I4387" s="2"/>
      <c r="J4387" s="2"/>
      <c r="K4387" s="2"/>
      <c r="L4387" s="2"/>
    </row>
    <row r="4388" spans="1:12" s="17" customFormat="1" ht="27" customHeight="1" x14ac:dyDescent="0.15">
      <c r="A4388" s="13"/>
      <c r="B4388" s="14"/>
      <c r="C4388" s="13"/>
      <c r="D4388" s="14"/>
      <c r="E4388" s="14"/>
      <c r="F4388" s="16"/>
      <c r="G4388" s="2"/>
      <c r="H4388" s="2"/>
      <c r="I4388" s="2"/>
      <c r="J4388" s="2"/>
      <c r="K4388" s="2"/>
      <c r="L4388" s="2"/>
    </row>
    <row r="4389" spans="1:12" s="17" customFormat="1" ht="27" customHeight="1" x14ac:dyDescent="0.15">
      <c r="A4389" s="13"/>
      <c r="B4389" s="14"/>
      <c r="C4389" s="13"/>
      <c r="D4389" s="14"/>
      <c r="E4389" s="14"/>
      <c r="F4389" s="16"/>
      <c r="G4389" s="2"/>
      <c r="H4389" s="2"/>
      <c r="I4389" s="2"/>
      <c r="J4389" s="2"/>
      <c r="K4389" s="2"/>
      <c r="L4389" s="2"/>
    </row>
    <row r="4390" spans="1:12" s="17" customFormat="1" ht="27" customHeight="1" x14ac:dyDescent="0.15">
      <c r="A4390" s="13"/>
      <c r="B4390" s="14"/>
      <c r="C4390" s="13"/>
      <c r="D4390" s="14"/>
      <c r="E4390" s="14"/>
      <c r="F4390" s="16"/>
      <c r="G4390" s="2"/>
      <c r="H4390" s="2"/>
      <c r="I4390" s="2"/>
      <c r="J4390" s="2"/>
      <c r="K4390" s="2"/>
      <c r="L4390" s="2"/>
    </row>
    <row r="4391" spans="1:12" s="17" customFormat="1" ht="27" customHeight="1" x14ac:dyDescent="0.15">
      <c r="A4391" s="13"/>
      <c r="B4391" s="14"/>
      <c r="C4391" s="13"/>
      <c r="D4391" s="14"/>
      <c r="E4391" s="14"/>
      <c r="F4391" s="16"/>
      <c r="G4391" s="2"/>
      <c r="H4391" s="2"/>
      <c r="I4391" s="2"/>
      <c r="J4391" s="2"/>
      <c r="K4391" s="2"/>
      <c r="L4391" s="2"/>
    </row>
    <row r="4392" spans="1:12" s="17" customFormat="1" ht="27" customHeight="1" x14ac:dyDescent="0.15">
      <c r="A4392" s="13"/>
      <c r="B4392" s="14"/>
      <c r="C4392" s="13"/>
      <c r="D4392" s="14"/>
      <c r="E4392" s="14"/>
      <c r="F4392" s="16"/>
      <c r="G4392" s="2"/>
      <c r="H4392" s="2"/>
      <c r="I4392" s="2"/>
      <c r="J4392" s="2"/>
      <c r="K4392" s="2"/>
      <c r="L4392" s="2"/>
    </row>
    <row r="4393" spans="1:12" s="17" customFormat="1" ht="27" customHeight="1" x14ac:dyDescent="0.15">
      <c r="A4393" s="13"/>
      <c r="B4393" s="14"/>
      <c r="C4393" s="13"/>
      <c r="D4393" s="14"/>
      <c r="E4393" s="14"/>
      <c r="F4393" s="16"/>
      <c r="G4393" s="2"/>
      <c r="H4393" s="2"/>
      <c r="I4393" s="2"/>
      <c r="J4393" s="2"/>
      <c r="K4393" s="2"/>
      <c r="L4393" s="2"/>
    </row>
    <row r="4394" spans="1:12" s="17" customFormat="1" ht="27" customHeight="1" x14ac:dyDescent="0.15">
      <c r="A4394" s="13"/>
      <c r="B4394" s="14"/>
      <c r="C4394" s="13"/>
      <c r="D4394" s="14"/>
      <c r="E4394" s="14"/>
      <c r="F4394" s="16"/>
      <c r="G4394" s="2"/>
      <c r="H4394" s="2"/>
      <c r="I4394" s="2"/>
      <c r="J4394" s="2"/>
      <c r="K4394" s="2"/>
      <c r="L4394" s="2"/>
    </row>
    <row r="4395" spans="1:12" s="17" customFormat="1" ht="27" customHeight="1" x14ac:dyDescent="0.15">
      <c r="A4395" s="13"/>
      <c r="B4395" s="14"/>
      <c r="C4395" s="13"/>
      <c r="D4395" s="14"/>
      <c r="E4395" s="14"/>
      <c r="F4395" s="16"/>
      <c r="G4395" s="2"/>
      <c r="H4395" s="2"/>
      <c r="I4395" s="2"/>
      <c r="J4395" s="2"/>
      <c r="K4395" s="2"/>
      <c r="L4395" s="2"/>
    </row>
    <row r="4396" spans="1:12" s="17" customFormat="1" ht="27" customHeight="1" x14ac:dyDescent="0.15">
      <c r="A4396" s="13"/>
      <c r="B4396" s="14"/>
      <c r="C4396" s="13"/>
      <c r="D4396" s="14"/>
      <c r="E4396" s="14"/>
      <c r="F4396" s="16"/>
      <c r="G4396" s="2"/>
      <c r="H4396" s="2"/>
      <c r="I4396" s="2"/>
      <c r="J4396" s="2"/>
      <c r="K4396" s="2"/>
      <c r="L4396" s="2"/>
    </row>
    <row r="4397" spans="1:12" s="17" customFormat="1" ht="27" customHeight="1" x14ac:dyDescent="0.15">
      <c r="A4397" s="13"/>
      <c r="B4397" s="14"/>
      <c r="C4397" s="13"/>
      <c r="D4397" s="14"/>
      <c r="E4397" s="14"/>
      <c r="F4397" s="16"/>
      <c r="G4397" s="2"/>
      <c r="H4397" s="2"/>
      <c r="I4397" s="2"/>
      <c r="J4397" s="2"/>
      <c r="K4397" s="2"/>
      <c r="L4397" s="2"/>
    </row>
    <row r="4398" spans="1:12" s="17" customFormat="1" ht="27" customHeight="1" x14ac:dyDescent="0.15">
      <c r="A4398" s="13"/>
      <c r="B4398" s="14"/>
      <c r="C4398" s="13"/>
      <c r="D4398" s="14"/>
      <c r="E4398" s="14"/>
      <c r="F4398" s="16"/>
      <c r="G4398" s="2"/>
      <c r="H4398" s="2"/>
      <c r="I4398" s="2"/>
      <c r="J4398" s="2"/>
      <c r="K4398" s="2"/>
      <c r="L4398" s="2"/>
    </row>
    <row r="4399" spans="1:12" s="17" customFormat="1" ht="27" customHeight="1" x14ac:dyDescent="0.15">
      <c r="A4399" s="13"/>
      <c r="B4399" s="14"/>
      <c r="C4399" s="13"/>
      <c r="D4399" s="14"/>
      <c r="E4399" s="14"/>
      <c r="F4399" s="16"/>
      <c r="G4399" s="2"/>
      <c r="H4399" s="2"/>
      <c r="I4399" s="2"/>
      <c r="J4399" s="2"/>
      <c r="K4399" s="2"/>
      <c r="L4399" s="2"/>
    </row>
    <row r="4400" spans="1:12" s="17" customFormat="1" ht="27" customHeight="1" x14ac:dyDescent="0.15">
      <c r="A4400" s="13"/>
      <c r="B4400" s="14"/>
      <c r="C4400" s="13"/>
      <c r="D4400" s="14"/>
      <c r="E4400" s="14"/>
      <c r="F4400" s="16"/>
      <c r="G4400" s="2"/>
      <c r="H4400" s="2"/>
      <c r="I4400" s="2"/>
      <c r="J4400" s="2"/>
      <c r="K4400" s="2"/>
      <c r="L4400" s="2"/>
    </row>
    <row r="4401" spans="1:12" s="17" customFormat="1" ht="27" customHeight="1" x14ac:dyDescent="0.15">
      <c r="A4401" s="13"/>
      <c r="B4401" s="14"/>
      <c r="C4401" s="13"/>
      <c r="D4401" s="14"/>
      <c r="E4401" s="14"/>
      <c r="F4401" s="16"/>
      <c r="G4401" s="2"/>
      <c r="H4401" s="2"/>
      <c r="I4401" s="2"/>
      <c r="J4401" s="2"/>
      <c r="K4401" s="2"/>
      <c r="L4401" s="2"/>
    </row>
    <row r="4402" spans="1:12" s="17" customFormat="1" ht="27" customHeight="1" x14ac:dyDescent="0.15">
      <c r="A4402" s="13"/>
      <c r="B4402" s="14"/>
      <c r="C4402" s="13"/>
      <c r="D4402" s="14"/>
      <c r="E4402" s="14"/>
      <c r="F4402" s="16"/>
      <c r="G4402" s="2"/>
      <c r="H4402" s="2"/>
      <c r="I4402" s="2"/>
      <c r="J4402" s="2"/>
      <c r="K4402" s="2"/>
      <c r="L4402" s="2"/>
    </row>
    <row r="4403" spans="1:12" s="17" customFormat="1" ht="27" customHeight="1" x14ac:dyDescent="0.15">
      <c r="A4403" s="13"/>
      <c r="B4403" s="14"/>
      <c r="C4403" s="13"/>
      <c r="D4403" s="14"/>
      <c r="E4403" s="14"/>
      <c r="F4403" s="16"/>
      <c r="G4403" s="2"/>
      <c r="H4403" s="2"/>
      <c r="I4403" s="2"/>
      <c r="J4403" s="2"/>
      <c r="K4403" s="2"/>
      <c r="L4403" s="2"/>
    </row>
    <row r="4404" spans="1:12" s="17" customFormat="1" ht="27" customHeight="1" x14ac:dyDescent="0.15">
      <c r="A4404" s="13"/>
      <c r="B4404" s="14"/>
      <c r="C4404" s="13"/>
      <c r="D4404" s="14"/>
      <c r="E4404" s="14"/>
      <c r="F4404" s="16"/>
      <c r="G4404" s="2"/>
      <c r="H4404" s="2"/>
      <c r="I4404" s="2"/>
      <c r="J4404" s="2"/>
      <c r="K4404" s="2"/>
      <c r="L4404" s="2"/>
    </row>
    <row r="4405" spans="1:12" s="17" customFormat="1" ht="27" customHeight="1" x14ac:dyDescent="0.15">
      <c r="A4405" s="13"/>
      <c r="B4405" s="14"/>
      <c r="C4405" s="13"/>
      <c r="D4405" s="14"/>
      <c r="E4405" s="14"/>
      <c r="F4405" s="16"/>
      <c r="G4405" s="2"/>
      <c r="H4405" s="2"/>
      <c r="I4405" s="2"/>
      <c r="J4405" s="2"/>
      <c r="K4405" s="2"/>
      <c r="L4405" s="2"/>
    </row>
    <row r="4406" spans="1:12" s="17" customFormat="1" ht="27" customHeight="1" x14ac:dyDescent="0.15">
      <c r="A4406" s="13"/>
      <c r="B4406" s="14"/>
      <c r="C4406" s="13"/>
      <c r="D4406" s="14"/>
      <c r="E4406" s="14"/>
      <c r="F4406" s="16"/>
      <c r="G4406" s="2"/>
      <c r="H4406" s="2"/>
      <c r="I4406" s="2"/>
      <c r="J4406" s="2"/>
      <c r="K4406" s="2"/>
      <c r="L4406" s="2"/>
    </row>
    <row r="4407" spans="1:12" s="17" customFormat="1" ht="27" customHeight="1" x14ac:dyDescent="0.15">
      <c r="A4407" s="13"/>
      <c r="B4407" s="14"/>
      <c r="C4407" s="13"/>
      <c r="D4407" s="14"/>
      <c r="E4407" s="14"/>
      <c r="F4407" s="16"/>
      <c r="G4407" s="2"/>
      <c r="H4407" s="2"/>
      <c r="I4407" s="2"/>
      <c r="J4407" s="2"/>
      <c r="K4407" s="2"/>
      <c r="L4407" s="2"/>
    </row>
    <row r="4408" spans="1:12" s="17" customFormat="1" ht="27" customHeight="1" x14ac:dyDescent="0.15">
      <c r="A4408" s="13"/>
      <c r="B4408" s="14"/>
      <c r="C4408" s="13"/>
      <c r="D4408" s="14"/>
      <c r="E4408" s="14"/>
      <c r="F4408" s="16"/>
      <c r="G4408" s="2"/>
      <c r="H4408" s="2"/>
      <c r="I4408" s="2"/>
      <c r="J4408" s="2"/>
      <c r="K4408" s="2"/>
      <c r="L4408" s="2"/>
    </row>
    <row r="4409" spans="1:12" s="17" customFormat="1" ht="27" customHeight="1" x14ac:dyDescent="0.15">
      <c r="A4409" s="13"/>
      <c r="B4409" s="14"/>
      <c r="C4409" s="13"/>
      <c r="D4409" s="14"/>
      <c r="E4409" s="14"/>
      <c r="F4409" s="16"/>
      <c r="G4409" s="2"/>
      <c r="H4409" s="2"/>
      <c r="I4409" s="2"/>
      <c r="J4409" s="2"/>
      <c r="K4409" s="2"/>
      <c r="L4409" s="2"/>
    </row>
    <row r="4410" spans="1:12" s="17" customFormat="1" ht="27" customHeight="1" x14ac:dyDescent="0.15">
      <c r="A4410" s="13"/>
      <c r="B4410" s="14"/>
      <c r="C4410" s="13"/>
      <c r="D4410" s="14"/>
      <c r="E4410" s="14"/>
      <c r="F4410" s="16"/>
      <c r="G4410" s="2"/>
      <c r="H4410" s="2"/>
      <c r="I4410" s="2"/>
      <c r="J4410" s="2"/>
      <c r="K4410" s="2"/>
      <c r="L4410" s="2"/>
    </row>
    <row r="4411" spans="1:12" s="17" customFormat="1" ht="27" customHeight="1" x14ac:dyDescent="0.15">
      <c r="A4411" s="13"/>
      <c r="B4411" s="14"/>
      <c r="C4411" s="13"/>
      <c r="D4411" s="14"/>
      <c r="E4411" s="14"/>
      <c r="F4411" s="16"/>
      <c r="G4411" s="2"/>
      <c r="H4411" s="2"/>
      <c r="I4411" s="2"/>
      <c r="J4411" s="2"/>
      <c r="K4411" s="2"/>
      <c r="L4411" s="2"/>
    </row>
    <row r="4412" spans="1:12" s="17" customFormat="1" ht="27" customHeight="1" x14ac:dyDescent="0.15">
      <c r="A4412" s="13"/>
      <c r="B4412" s="14"/>
      <c r="C4412" s="13"/>
      <c r="D4412" s="14"/>
      <c r="E4412" s="14"/>
      <c r="F4412" s="16"/>
      <c r="G4412" s="2"/>
      <c r="H4412" s="2"/>
      <c r="I4412" s="2"/>
      <c r="J4412" s="2"/>
      <c r="K4412" s="2"/>
      <c r="L4412" s="2"/>
    </row>
    <row r="4413" spans="1:12" s="17" customFormat="1" ht="27" customHeight="1" x14ac:dyDescent="0.15">
      <c r="A4413" s="13"/>
      <c r="B4413" s="14"/>
      <c r="C4413" s="13"/>
      <c r="D4413" s="14"/>
      <c r="E4413" s="14"/>
      <c r="F4413" s="16"/>
      <c r="G4413" s="2"/>
      <c r="H4413" s="2"/>
      <c r="I4413" s="2"/>
      <c r="J4413" s="2"/>
      <c r="K4413" s="2"/>
      <c r="L4413" s="2"/>
    </row>
    <row r="4414" spans="1:12" s="17" customFormat="1" ht="27" customHeight="1" x14ac:dyDescent="0.15">
      <c r="A4414" s="13"/>
      <c r="B4414" s="14"/>
      <c r="C4414" s="13"/>
      <c r="D4414" s="14"/>
      <c r="E4414" s="14"/>
      <c r="F4414" s="16"/>
      <c r="G4414" s="2"/>
      <c r="H4414" s="2"/>
      <c r="I4414" s="2"/>
      <c r="J4414" s="2"/>
      <c r="K4414" s="2"/>
      <c r="L4414" s="2"/>
    </row>
    <row r="4415" spans="1:12" s="17" customFormat="1" ht="27" customHeight="1" x14ac:dyDescent="0.15">
      <c r="A4415" s="13"/>
      <c r="B4415" s="14"/>
      <c r="C4415" s="13"/>
      <c r="D4415" s="14"/>
      <c r="E4415" s="14"/>
      <c r="F4415" s="16"/>
      <c r="G4415" s="2"/>
      <c r="H4415" s="2"/>
      <c r="I4415" s="2"/>
      <c r="J4415" s="2"/>
      <c r="K4415" s="2"/>
      <c r="L4415" s="2"/>
    </row>
    <row r="4416" spans="1:12" s="17" customFormat="1" ht="27" customHeight="1" x14ac:dyDescent="0.15">
      <c r="A4416" s="13"/>
      <c r="B4416" s="14"/>
      <c r="C4416" s="13"/>
      <c r="D4416" s="14"/>
      <c r="E4416" s="14"/>
      <c r="F4416" s="16"/>
      <c r="G4416" s="2"/>
      <c r="H4416" s="2"/>
      <c r="I4416" s="2"/>
      <c r="J4416" s="2"/>
      <c r="K4416" s="2"/>
      <c r="L4416" s="2"/>
    </row>
    <row r="4417" spans="1:12" s="17" customFormat="1" ht="27" customHeight="1" x14ac:dyDescent="0.15">
      <c r="A4417" s="13"/>
      <c r="B4417" s="14"/>
      <c r="C4417" s="13"/>
      <c r="D4417" s="14"/>
      <c r="E4417" s="14"/>
      <c r="F4417" s="16"/>
      <c r="G4417" s="2"/>
      <c r="H4417" s="2"/>
      <c r="I4417" s="2"/>
      <c r="J4417" s="2"/>
      <c r="K4417" s="2"/>
      <c r="L4417" s="2"/>
    </row>
    <row r="4418" spans="1:12" s="17" customFormat="1" ht="27" customHeight="1" x14ac:dyDescent="0.15">
      <c r="A4418" s="13"/>
      <c r="B4418" s="14"/>
      <c r="C4418" s="13"/>
      <c r="D4418" s="14"/>
      <c r="E4418" s="14"/>
      <c r="F4418" s="16"/>
      <c r="G4418" s="2"/>
      <c r="H4418" s="2"/>
      <c r="I4418" s="2"/>
      <c r="J4418" s="2"/>
      <c r="K4418" s="2"/>
      <c r="L4418" s="2"/>
    </row>
    <row r="4419" spans="1:12" s="17" customFormat="1" ht="27" customHeight="1" x14ac:dyDescent="0.15">
      <c r="A4419" s="13"/>
      <c r="B4419" s="14"/>
      <c r="C4419" s="13"/>
      <c r="D4419" s="14"/>
      <c r="E4419" s="14"/>
      <c r="F4419" s="16"/>
      <c r="G4419" s="2"/>
      <c r="H4419" s="2"/>
      <c r="I4419" s="2"/>
      <c r="J4419" s="2"/>
      <c r="K4419" s="2"/>
      <c r="L4419" s="2"/>
    </row>
    <row r="4420" spans="1:12" s="17" customFormat="1" ht="27" customHeight="1" x14ac:dyDescent="0.15">
      <c r="A4420" s="13"/>
      <c r="B4420" s="14"/>
      <c r="C4420" s="13"/>
      <c r="D4420" s="14"/>
      <c r="E4420" s="14"/>
      <c r="F4420" s="16"/>
      <c r="G4420" s="2"/>
      <c r="H4420" s="2"/>
      <c r="I4420" s="2"/>
      <c r="J4420" s="2"/>
      <c r="K4420" s="2"/>
      <c r="L4420" s="2"/>
    </row>
    <row r="4421" spans="1:12" s="17" customFormat="1" ht="27" customHeight="1" x14ac:dyDescent="0.15">
      <c r="A4421" s="13"/>
      <c r="B4421" s="14"/>
      <c r="C4421" s="13"/>
      <c r="D4421" s="14"/>
      <c r="E4421" s="14"/>
      <c r="F4421" s="16"/>
      <c r="G4421" s="2"/>
      <c r="H4421" s="2"/>
      <c r="I4421" s="2"/>
      <c r="J4421" s="2"/>
      <c r="K4421" s="2"/>
      <c r="L4421" s="2"/>
    </row>
    <row r="4422" spans="1:12" s="17" customFormat="1" ht="27" customHeight="1" x14ac:dyDescent="0.15">
      <c r="A4422" s="13"/>
      <c r="B4422" s="14"/>
      <c r="C4422" s="13"/>
      <c r="D4422" s="14"/>
      <c r="E4422" s="14"/>
      <c r="F4422" s="16"/>
      <c r="G4422" s="2"/>
      <c r="H4422" s="2"/>
      <c r="I4422" s="2"/>
      <c r="J4422" s="2"/>
      <c r="K4422" s="2"/>
      <c r="L4422" s="2"/>
    </row>
    <row r="4423" spans="1:12" s="17" customFormat="1" ht="27" customHeight="1" x14ac:dyDescent="0.15">
      <c r="A4423" s="13"/>
      <c r="B4423" s="14"/>
      <c r="C4423" s="13"/>
      <c r="D4423" s="14"/>
      <c r="E4423" s="14"/>
      <c r="F4423" s="16"/>
      <c r="G4423" s="2"/>
      <c r="H4423" s="2"/>
      <c r="I4423" s="2"/>
      <c r="J4423" s="2"/>
      <c r="K4423" s="2"/>
      <c r="L4423" s="2"/>
    </row>
    <row r="4424" spans="1:12" s="17" customFormat="1" ht="27" customHeight="1" x14ac:dyDescent="0.15">
      <c r="A4424" s="13"/>
      <c r="B4424" s="14"/>
      <c r="C4424" s="13"/>
      <c r="D4424" s="14"/>
      <c r="E4424" s="14"/>
      <c r="F4424" s="16"/>
      <c r="G4424" s="2"/>
      <c r="H4424" s="2"/>
      <c r="I4424" s="2"/>
      <c r="J4424" s="2"/>
      <c r="K4424" s="2"/>
      <c r="L4424" s="2"/>
    </row>
    <row r="4425" spans="1:12" s="17" customFormat="1" ht="27" customHeight="1" x14ac:dyDescent="0.15">
      <c r="A4425" s="13"/>
      <c r="B4425" s="14"/>
      <c r="C4425" s="13"/>
      <c r="D4425" s="14"/>
      <c r="E4425" s="14"/>
      <c r="F4425" s="16"/>
      <c r="G4425" s="2"/>
      <c r="H4425" s="2"/>
      <c r="I4425" s="2"/>
      <c r="J4425" s="2"/>
      <c r="K4425" s="2"/>
      <c r="L4425" s="2"/>
    </row>
    <row r="4426" spans="1:12" s="17" customFormat="1" ht="27" customHeight="1" x14ac:dyDescent="0.15">
      <c r="A4426" s="13"/>
      <c r="B4426" s="14"/>
      <c r="C4426" s="13"/>
      <c r="D4426" s="14"/>
      <c r="E4426" s="14"/>
      <c r="F4426" s="16"/>
      <c r="G4426" s="2"/>
      <c r="H4426" s="2"/>
      <c r="I4426" s="2"/>
      <c r="J4426" s="2"/>
      <c r="K4426" s="2"/>
      <c r="L4426" s="2"/>
    </row>
    <row r="4427" spans="1:12" s="17" customFormat="1" ht="27" customHeight="1" x14ac:dyDescent="0.15">
      <c r="A4427" s="13"/>
      <c r="B4427" s="14"/>
      <c r="C4427" s="13"/>
      <c r="D4427" s="14"/>
      <c r="E4427" s="14"/>
      <c r="F4427" s="16"/>
      <c r="G4427" s="2"/>
      <c r="H4427" s="2"/>
      <c r="I4427" s="2"/>
      <c r="J4427" s="2"/>
      <c r="K4427" s="2"/>
      <c r="L4427" s="2"/>
    </row>
    <row r="4428" spans="1:12" s="17" customFormat="1" ht="27" customHeight="1" x14ac:dyDescent="0.15">
      <c r="A4428" s="13"/>
      <c r="B4428" s="14"/>
      <c r="C4428" s="13"/>
      <c r="D4428" s="14"/>
      <c r="E4428" s="14"/>
      <c r="F4428" s="16"/>
      <c r="G4428" s="2"/>
      <c r="H4428" s="2"/>
      <c r="I4428" s="2"/>
      <c r="J4428" s="2"/>
      <c r="K4428" s="2"/>
      <c r="L4428" s="2"/>
    </row>
    <row r="4429" spans="1:12" s="17" customFormat="1" ht="27" customHeight="1" x14ac:dyDescent="0.15">
      <c r="A4429" s="13"/>
      <c r="B4429" s="14"/>
      <c r="C4429" s="13"/>
      <c r="D4429" s="14"/>
      <c r="E4429" s="14"/>
      <c r="F4429" s="16"/>
      <c r="G4429" s="2"/>
      <c r="H4429" s="2"/>
      <c r="I4429" s="2"/>
      <c r="J4429" s="2"/>
      <c r="K4429" s="2"/>
      <c r="L4429" s="2"/>
    </row>
    <row r="4430" spans="1:12" s="17" customFormat="1" ht="27" customHeight="1" x14ac:dyDescent="0.15">
      <c r="A4430" s="13"/>
      <c r="B4430" s="14"/>
      <c r="C4430" s="13"/>
      <c r="D4430" s="14"/>
      <c r="E4430" s="14"/>
      <c r="F4430" s="16"/>
      <c r="G4430" s="2"/>
      <c r="H4430" s="2"/>
      <c r="I4430" s="2"/>
      <c r="J4430" s="2"/>
      <c r="K4430" s="2"/>
      <c r="L4430" s="2"/>
    </row>
    <row r="4431" spans="1:12" s="17" customFormat="1" ht="27" customHeight="1" x14ac:dyDescent="0.15">
      <c r="A4431" s="13"/>
      <c r="B4431" s="14"/>
      <c r="C4431" s="13"/>
      <c r="D4431" s="14"/>
      <c r="E4431" s="14"/>
      <c r="F4431" s="16"/>
      <c r="G4431" s="2"/>
      <c r="H4431" s="2"/>
      <c r="I4431" s="2"/>
      <c r="J4431" s="2"/>
      <c r="K4431" s="2"/>
      <c r="L4431" s="2"/>
    </row>
    <row r="4432" spans="1:12" s="17" customFormat="1" ht="27" customHeight="1" x14ac:dyDescent="0.15">
      <c r="A4432" s="13"/>
      <c r="B4432" s="14"/>
      <c r="C4432" s="13"/>
      <c r="D4432" s="14"/>
      <c r="E4432" s="14"/>
      <c r="F4432" s="16"/>
      <c r="G4432" s="2"/>
      <c r="H4432" s="2"/>
      <c r="I4432" s="2"/>
      <c r="J4432" s="2"/>
      <c r="K4432" s="2"/>
      <c r="L4432" s="2"/>
    </row>
    <row r="4433" spans="1:12" s="17" customFormat="1" ht="27" customHeight="1" x14ac:dyDescent="0.15">
      <c r="A4433" s="13"/>
      <c r="B4433" s="14"/>
      <c r="C4433" s="13"/>
      <c r="D4433" s="14"/>
      <c r="E4433" s="14"/>
      <c r="F4433" s="16"/>
      <c r="G4433" s="2"/>
      <c r="H4433" s="2"/>
      <c r="I4433" s="2"/>
      <c r="J4433" s="2"/>
      <c r="K4433" s="2"/>
      <c r="L4433" s="2"/>
    </row>
    <row r="4434" spans="1:12" s="17" customFormat="1" ht="27" customHeight="1" x14ac:dyDescent="0.15">
      <c r="A4434" s="13"/>
      <c r="B4434" s="14"/>
      <c r="C4434" s="13"/>
      <c r="D4434" s="14"/>
      <c r="E4434" s="14"/>
      <c r="F4434" s="16"/>
      <c r="G4434" s="2"/>
      <c r="H4434" s="2"/>
      <c r="I4434" s="2"/>
      <c r="J4434" s="2"/>
      <c r="K4434" s="2"/>
      <c r="L4434" s="2"/>
    </row>
    <row r="4435" spans="1:12" s="17" customFormat="1" ht="27" customHeight="1" x14ac:dyDescent="0.15">
      <c r="A4435" s="13"/>
      <c r="B4435" s="14"/>
      <c r="C4435" s="13"/>
      <c r="D4435" s="14"/>
      <c r="E4435" s="14"/>
      <c r="F4435" s="16"/>
      <c r="G4435" s="2"/>
      <c r="H4435" s="2"/>
      <c r="I4435" s="2"/>
      <c r="J4435" s="2"/>
      <c r="K4435" s="2"/>
      <c r="L4435" s="2"/>
    </row>
    <row r="4436" spans="1:12" s="17" customFormat="1" ht="27" customHeight="1" x14ac:dyDescent="0.15">
      <c r="A4436" s="13"/>
      <c r="B4436" s="14"/>
      <c r="C4436" s="13"/>
      <c r="D4436" s="14"/>
      <c r="E4436" s="14"/>
      <c r="F4436" s="16"/>
      <c r="G4436" s="2"/>
      <c r="H4436" s="2"/>
      <c r="I4436" s="2"/>
      <c r="J4436" s="2"/>
      <c r="K4436" s="2"/>
      <c r="L4436" s="2"/>
    </row>
    <row r="4437" spans="1:12" s="17" customFormat="1" ht="27" customHeight="1" x14ac:dyDescent="0.15">
      <c r="A4437" s="13"/>
      <c r="B4437" s="14"/>
      <c r="C4437" s="13"/>
      <c r="D4437" s="14"/>
      <c r="E4437" s="14"/>
      <c r="F4437" s="16"/>
      <c r="G4437" s="2"/>
      <c r="H4437" s="2"/>
      <c r="I4437" s="2"/>
      <c r="J4437" s="2"/>
      <c r="K4437" s="2"/>
      <c r="L4437" s="2"/>
    </row>
    <row r="4438" spans="1:12" s="17" customFormat="1" ht="27" customHeight="1" x14ac:dyDescent="0.15">
      <c r="A4438" s="13"/>
      <c r="B4438" s="14"/>
      <c r="C4438" s="13"/>
      <c r="D4438" s="14"/>
      <c r="E4438" s="14"/>
      <c r="F4438" s="16"/>
      <c r="G4438" s="2"/>
      <c r="H4438" s="2"/>
      <c r="I4438" s="2"/>
      <c r="J4438" s="2"/>
      <c r="K4438" s="2"/>
      <c r="L4438" s="2"/>
    </row>
    <row r="4439" spans="1:12" s="17" customFormat="1" ht="27" customHeight="1" x14ac:dyDescent="0.15">
      <c r="A4439" s="13"/>
      <c r="B4439" s="14"/>
      <c r="C4439" s="13"/>
      <c r="D4439" s="14"/>
      <c r="E4439" s="14"/>
      <c r="F4439" s="16"/>
      <c r="G4439" s="2"/>
      <c r="H4439" s="2"/>
      <c r="I4439" s="2"/>
      <c r="J4439" s="2"/>
      <c r="K4439" s="2"/>
      <c r="L4439" s="2"/>
    </row>
    <row r="4440" spans="1:12" s="17" customFormat="1" ht="27" customHeight="1" x14ac:dyDescent="0.15">
      <c r="A4440" s="13"/>
      <c r="B4440" s="14"/>
      <c r="C4440" s="13"/>
      <c r="D4440" s="14"/>
      <c r="E4440" s="14"/>
      <c r="F4440" s="16"/>
      <c r="G4440" s="2"/>
      <c r="H4440" s="2"/>
      <c r="I4440" s="2"/>
      <c r="J4440" s="2"/>
      <c r="K4440" s="2"/>
      <c r="L4440" s="2"/>
    </row>
    <row r="4441" spans="1:12" s="17" customFormat="1" ht="27" customHeight="1" x14ac:dyDescent="0.15">
      <c r="A4441" s="13"/>
      <c r="B4441" s="14"/>
      <c r="C4441" s="13"/>
      <c r="D4441" s="14"/>
      <c r="E4441" s="14"/>
      <c r="F4441" s="16"/>
      <c r="G4441" s="2"/>
      <c r="H4441" s="2"/>
      <c r="I4441" s="2"/>
      <c r="J4441" s="2"/>
      <c r="K4441" s="2"/>
      <c r="L4441" s="2"/>
    </row>
    <row r="4442" spans="1:12" s="17" customFormat="1" ht="27" customHeight="1" x14ac:dyDescent="0.15">
      <c r="A4442" s="13"/>
      <c r="B4442" s="14"/>
      <c r="C4442" s="13"/>
      <c r="D4442" s="14"/>
      <c r="E4442" s="14"/>
      <c r="F4442" s="16"/>
      <c r="G4442" s="2"/>
      <c r="H4442" s="2"/>
      <c r="I4442" s="2"/>
      <c r="J4442" s="2"/>
      <c r="K4442" s="2"/>
      <c r="L4442" s="2"/>
    </row>
    <row r="4443" spans="1:12" s="17" customFormat="1" ht="27" customHeight="1" x14ac:dyDescent="0.15">
      <c r="A4443" s="13"/>
      <c r="B4443" s="14"/>
      <c r="C4443" s="13"/>
      <c r="D4443" s="14"/>
      <c r="E4443" s="14"/>
      <c r="F4443" s="16"/>
      <c r="G4443" s="2"/>
      <c r="H4443" s="2"/>
      <c r="I4443" s="2"/>
      <c r="J4443" s="2"/>
      <c r="K4443" s="2"/>
      <c r="L4443" s="2"/>
    </row>
    <row r="4444" spans="1:12" s="17" customFormat="1" ht="27" customHeight="1" x14ac:dyDescent="0.15">
      <c r="A4444" s="13"/>
      <c r="B4444" s="14"/>
      <c r="C4444" s="13"/>
      <c r="D4444" s="14"/>
      <c r="E4444" s="14"/>
      <c r="F4444" s="16"/>
      <c r="G4444" s="2"/>
      <c r="H4444" s="2"/>
      <c r="I4444" s="2"/>
      <c r="J4444" s="2"/>
      <c r="K4444" s="2"/>
      <c r="L4444" s="2"/>
    </row>
    <row r="4445" spans="1:12" s="17" customFormat="1" ht="27" customHeight="1" x14ac:dyDescent="0.15">
      <c r="A4445" s="13"/>
      <c r="B4445" s="14"/>
      <c r="C4445" s="13"/>
      <c r="D4445" s="14"/>
      <c r="E4445" s="14"/>
      <c r="F4445" s="16"/>
      <c r="G4445" s="2"/>
      <c r="H4445" s="2"/>
      <c r="I4445" s="2"/>
      <c r="J4445" s="2"/>
      <c r="K4445" s="2"/>
      <c r="L4445" s="2"/>
    </row>
    <row r="4446" spans="1:12" s="17" customFormat="1" ht="27" customHeight="1" x14ac:dyDescent="0.15">
      <c r="A4446" s="13"/>
      <c r="B4446" s="14"/>
      <c r="C4446" s="13"/>
      <c r="D4446" s="14"/>
      <c r="E4446" s="14"/>
      <c r="F4446" s="16"/>
      <c r="G4446" s="2"/>
      <c r="H4446" s="2"/>
      <c r="I4446" s="2"/>
      <c r="J4446" s="2"/>
      <c r="K4446" s="2"/>
      <c r="L4446" s="2"/>
    </row>
    <row r="4447" spans="1:12" s="17" customFormat="1" ht="27" customHeight="1" x14ac:dyDescent="0.15">
      <c r="A4447" s="13"/>
      <c r="B4447" s="14"/>
      <c r="C4447" s="13"/>
      <c r="D4447" s="14"/>
      <c r="E4447" s="14"/>
      <c r="F4447" s="16"/>
      <c r="G4447" s="2"/>
      <c r="H4447" s="2"/>
      <c r="I4447" s="2"/>
      <c r="J4447" s="2"/>
      <c r="K4447" s="2"/>
      <c r="L4447" s="2"/>
    </row>
    <row r="4448" spans="1:12" s="17" customFormat="1" ht="27" customHeight="1" x14ac:dyDescent="0.15">
      <c r="A4448" s="13"/>
      <c r="B4448" s="14"/>
      <c r="C4448" s="13"/>
      <c r="D4448" s="14"/>
      <c r="E4448" s="14"/>
      <c r="F4448" s="16"/>
      <c r="G4448" s="2"/>
      <c r="H4448" s="2"/>
      <c r="I4448" s="2"/>
      <c r="J4448" s="2"/>
      <c r="K4448" s="2"/>
      <c r="L4448" s="2"/>
    </row>
    <row r="4449" spans="1:12" s="17" customFormat="1" ht="27" customHeight="1" x14ac:dyDescent="0.15">
      <c r="A4449" s="13"/>
      <c r="B4449" s="14"/>
      <c r="C4449" s="13"/>
      <c r="D4449" s="14"/>
      <c r="E4449" s="14"/>
      <c r="F4449" s="16"/>
      <c r="G4449" s="2"/>
      <c r="H4449" s="2"/>
      <c r="I4449" s="2"/>
      <c r="J4449" s="2"/>
      <c r="K4449" s="2"/>
      <c r="L4449" s="2"/>
    </row>
    <row r="4450" spans="1:12" s="17" customFormat="1" ht="27" customHeight="1" x14ac:dyDescent="0.15">
      <c r="A4450" s="13"/>
      <c r="B4450" s="14"/>
      <c r="C4450" s="13"/>
      <c r="D4450" s="14"/>
      <c r="E4450" s="14"/>
      <c r="F4450" s="16"/>
      <c r="G4450" s="2"/>
      <c r="H4450" s="2"/>
      <c r="I4450" s="2"/>
      <c r="J4450" s="2"/>
      <c r="K4450" s="2"/>
      <c r="L4450" s="2"/>
    </row>
    <row r="4451" spans="1:12" s="17" customFormat="1" ht="27" customHeight="1" x14ac:dyDescent="0.15">
      <c r="A4451" s="13"/>
      <c r="B4451" s="14"/>
      <c r="C4451" s="13"/>
      <c r="D4451" s="14"/>
      <c r="E4451" s="14"/>
      <c r="F4451" s="16"/>
      <c r="G4451" s="2"/>
      <c r="H4451" s="2"/>
      <c r="I4451" s="2"/>
      <c r="J4451" s="2"/>
      <c r="K4451" s="2"/>
      <c r="L4451" s="2"/>
    </row>
    <row r="4452" spans="1:12" s="17" customFormat="1" ht="27" customHeight="1" x14ac:dyDescent="0.15">
      <c r="A4452" s="13"/>
      <c r="B4452" s="14"/>
      <c r="C4452" s="13"/>
      <c r="D4452" s="14"/>
      <c r="E4452" s="14"/>
      <c r="F4452" s="16"/>
      <c r="G4452" s="2"/>
      <c r="H4452" s="2"/>
      <c r="I4452" s="2"/>
      <c r="J4452" s="2"/>
      <c r="K4452" s="2"/>
      <c r="L4452" s="2"/>
    </row>
    <row r="4453" spans="1:12" s="17" customFormat="1" ht="27" customHeight="1" x14ac:dyDescent="0.15">
      <c r="A4453" s="13"/>
      <c r="B4453" s="14"/>
      <c r="C4453" s="13"/>
      <c r="D4453" s="14"/>
      <c r="E4453" s="14"/>
      <c r="F4453" s="16"/>
      <c r="G4453" s="2"/>
      <c r="H4453" s="2"/>
      <c r="I4453" s="2"/>
      <c r="J4453" s="2"/>
      <c r="K4453" s="2"/>
      <c r="L4453" s="2"/>
    </row>
    <row r="4454" spans="1:12" s="17" customFormat="1" ht="27" customHeight="1" x14ac:dyDescent="0.15">
      <c r="A4454" s="13"/>
      <c r="B4454" s="14"/>
      <c r="C4454" s="13"/>
      <c r="D4454" s="14"/>
      <c r="E4454" s="14"/>
      <c r="F4454" s="16"/>
      <c r="G4454" s="2"/>
      <c r="H4454" s="2"/>
      <c r="I4454" s="2"/>
      <c r="J4454" s="2"/>
      <c r="K4454" s="2"/>
      <c r="L4454" s="2"/>
    </row>
    <row r="4455" spans="1:12" s="17" customFormat="1" ht="27" customHeight="1" x14ac:dyDescent="0.15">
      <c r="A4455" s="13"/>
      <c r="B4455" s="14"/>
      <c r="C4455" s="13"/>
      <c r="D4455" s="14"/>
      <c r="E4455" s="14"/>
      <c r="F4455" s="16"/>
      <c r="G4455" s="2"/>
      <c r="H4455" s="2"/>
      <c r="I4455" s="2"/>
      <c r="J4455" s="2"/>
      <c r="K4455" s="2"/>
      <c r="L4455" s="2"/>
    </row>
    <row r="4456" spans="1:12" s="17" customFormat="1" ht="27" customHeight="1" x14ac:dyDescent="0.15">
      <c r="A4456" s="13"/>
      <c r="B4456" s="14"/>
      <c r="C4456" s="13"/>
      <c r="D4456" s="14"/>
      <c r="E4456" s="14"/>
      <c r="F4456" s="16"/>
      <c r="G4456" s="2"/>
      <c r="H4456" s="2"/>
      <c r="I4456" s="2"/>
      <c r="J4456" s="2"/>
      <c r="K4456" s="2"/>
      <c r="L4456" s="2"/>
    </row>
    <row r="4457" spans="1:12" s="17" customFormat="1" ht="27" customHeight="1" x14ac:dyDescent="0.15">
      <c r="A4457" s="13"/>
      <c r="B4457" s="14"/>
      <c r="C4457" s="13"/>
      <c r="D4457" s="14"/>
      <c r="E4457" s="14"/>
      <c r="F4457" s="16"/>
      <c r="G4457" s="2"/>
      <c r="H4457" s="2"/>
      <c r="I4457" s="2"/>
      <c r="J4457" s="2"/>
      <c r="K4457" s="2"/>
      <c r="L4457" s="2"/>
    </row>
    <row r="4458" spans="1:12" s="17" customFormat="1" ht="27" customHeight="1" x14ac:dyDescent="0.15">
      <c r="A4458" s="13"/>
      <c r="B4458" s="14"/>
      <c r="C4458" s="13"/>
      <c r="D4458" s="14"/>
      <c r="E4458" s="14"/>
      <c r="F4458" s="16"/>
      <c r="G4458" s="2"/>
      <c r="H4458" s="2"/>
      <c r="I4458" s="2"/>
      <c r="J4458" s="2"/>
      <c r="K4458" s="2"/>
      <c r="L4458" s="2"/>
    </row>
    <row r="4459" spans="1:12" s="17" customFormat="1" ht="27" customHeight="1" x14ac:dyDescent="0.15">
      <c r="A4459" s="13"/>
      <c r="B4459" s="14"/>
      <c r="C4459" s="13"/>
      <c r="D4459" s="14"/>
      <c r="E4459" s="14"/>
      <c r="F4459" s="16"/>
      <c r="G4459" s="2"/>
      <c r="H4459" s="2"/>
      <c r="I4459" s="2"/>
      <c r="J4459" s="2"/>
      <c r="K4459" s="2"/>
      <c r="L4459" s="2"/>
    </row>
    <row r="4460" spans="1:12" s="17" customFormat="1" ht="27" customHeight="1" x14ac:dyDescent="0.15">
      <c r="A4460" s="13"/>
      <c r="B4460" s="14"/>
      <c r="C4460" s="13"/>
      <c r="D4460" s="14"/>
      <c r="E4460" s="14"/>
      <c r="F4460" s="16"/>
      <c r="G4460" s="2"/>
      <c r="H4460" s="2"/>
      <c r="I4460" s="2"/>
      <c r="J4460" s="2"/>
      <c r="K4460" s="2"/>
      <c r="L4460" s="2"/>
    </row>
    <row r="4461" spans="1:12" s="17" customFormat="1" ht="27" customHeight="1" x14ac:dyDescent="0.15">
      <c r="A4461" s="13"/>
      <c r="B4461" s="14"/>
      <c r="C4461" s="13"/>
      <c r="D4461" s="14"/>
      <c r="E4461" s="14"/>
      <c r="F4461" s="16"/>
      <c r="G4461" s="2"/>
      <c r="H4461" s="2"/>
      <c r="I4461" s="2"/>
      <c r="J4461" s="2"/>
      <c r="K4461" s="2"/>
      <c r="L4461" s="2"/>
    </row>
    <row r="4462" spans="1:12" s="17" customFormat="1" ht="27" customHeight="1" x14ac:dyDescent="0.15">
      <c r="A4462" s="13"/>
      <c r="B4462" s="14"/>
      <c r="C4462" s="13"/>
      <c r="D4462" s="14"/>
      <c r="E4462" s="14"/>
      <c r="F4462" s="16"/>
      <c r="G4462" s="2"/>
      <c r="H4462" s="2"/>
      <c r="I4462" s="2"/>
      <c r="J4462" s="2"/>
      <c r="K4462" s="2"/>
      <c r="L4462" s="2"/>
    </row>
    <row r="4463" spans="1:12" s="17" customFormat="1" ht="27" customHeight="1" x14ac:dyDescent="0.15">
      <c r="A4463" s="13"/>
      <c r="B4463" s="14"/>
      <c r="C4463" s="13"/>
      <c r="D4463" s="14"/>
      <c r="E4463" s="14"/>
      <c r="F4463" s="16"/>
      <c r="G4463" s="2"/>
      <c r="H4463" s="2"/>
      <c r="I4463" s="2"/>
      <c r="J4463" s="2"/>
      <c r="K4463" s="2"/>
      <c r="L4463" s="2"/>
    </row>
    <row r="4464" spans="1:12" s="17" customFormat="1" ht="27" customHeight="1" x14ac:dyDescent="0.15">
      <c r="A4464" s="13"/>
      <c r="B4464" s="14"/>
      <c r="C4464" s="13"/>
      <c r="D4464" s="14"/>
      <c r="E4464" s="14"/>
      <c r="F4464" s="16"/>
      <c r="G4464" s="2"/>
      <c r="H4464" s="2"/>
      <c r="I4464" s="2"/>
      <c r="J4464" s="2"/>
      <c r="K4464" s="2"/>
      <c r="L4464" s="2"/>
    </row>
    <row r="4465" spans="1:12" s="17" customFormat="1" ht="27" customHeight="1" x14ac:dyDescent="0.15">
      <c r="A4465" s="13"/>
      <c r="B4465" s="14"/>
      <c r="C4465" s="13"/>
      <c r="D4465" s="14"/>
      <c r="E4465" s="14"/>
      <c r="F4465" s="16"/>
      <c r="G4465" s="2"/>
      <c r="H4465" s="2"/>
      <c r="I4465" s="2"/>
      <c r="J4465" s="2"/>
      <c r="K4465" s="2"/>
      <c r="L4465" s="2"/>
    </row>
    <row r="4466" spans="1:12" s="17" customFormat="1" ht="27" customHeight="1" x14ac:dyDescent="0.15">
      <c r="A4466" s="13"/>
      <c r="B4466" s="14"/>
      <c r="C4466" s="13"/>
      <c r="D4466" s="14"/>
      <c r="E4466" s="14"/>
      <c r="F4466" s="16"/>
      <c r="G4466" s="2"/>
      <c r="H4466" s="2"/>
      <c r="I4466" s="2"/>
      <c r="J4466" s="2"/>
      <c r="K4466" s="2"/>
      <c r="L4466" s="2"/>
    </row>
    <row r="4467" spans="1:12" s="17" customFormat="1" ht="27" customHeight="1" x14ac:dyDescent="0.15">
      <c r="A4467" s="13"/>
      <c r="B4467" s="14"/>
      <c r="C4467" s="13"/>
      <c r="D4467" s="14"/>
      <c r="E4467" s="14"/>
      <c r="F4467" s="16"/>
      <c r="G4467" s="2"/>
      <c r="H4467" s="2"/>
      <c r="I4467" s="2"/>
      <c r="J4467" s="2"/>
      <c r="K4467" s="2"/>
      <c r="L4467" s="2"/>
    </row>
    <row r="4468" spans="1:12" s="17" customFormat="1" ht="27" customHeight="1" x14ac:dyDescent="0.15">
      <c r="A4468" s="13"/>
      <c r="B4468" s="14"/>
      <c r="C4468" s="13"/>
      <c r="D4468" s="14"/>
      <c r="E4468" s="14"/>
      <c r="F4468" s="16"/>
      <c r="G4468" s="2"/>
      <c r="H4468" s="2"/>
      <c r="I4468" s="2"/>
      <c r="J4468" s="2"/>
      <c r="K4468" s="2"/>
      <c r="L4468" s="2"/>
    </row>
    <row r="4469" spans="1:12" s="17" customFormat="1" ht="27" customHeight="1" x14ac:dyDescent="0.15">
      <c r="A4469" s="13"/>
      <c r="B4469" s="14"/>
      <c r="C4469" s="13"/>
      <c r="D4469" s="14"/>
      <c r="E4469" s="14"/>
      <c r="F4469" s="16"/>
      <c r="G4469" s="2"/>
      <c r="H4469" s="2"/>
      <c r="I4469" s="2"/>
      <c r="J4469" s="2"/>
      <c r="K4469" s="2"/>
      <c r="L4469" s="2"/>
    </row>
    <row r="4470" spans="1:12" s="17" customFormat="1" ht="27" customHeight="1" x14ac:dyDescent="0.15">
      <c r="A4470" s="13"/>
      <c r="B4470" s="14"/>
      <c r="C4470" s="13"/>
      <c r="D4470" s="14"/>
      <c r="E4470" s="14"/>
      <c r="F4470" s="16"/>
      <c r="G4470" s="2"/>
      <c r="H4470" s="2"/>
      <c r="I4470" s="2"/>
      <c r="J4470" s="2"/>
      <c r="K4470" s="2"/>
      <c r="L4470" s="2"/>
    </row>
    <row r="4471" spans="1:12" s="17" customFormat="1" ht="27" customHeight="1" x14ac:dyDescent="0.15">
      <c r="A4471" s="13"/>
      <c r="B4471" s="14"/>
      <c r="C4471" s="13"/>
      <c r="D4471" s="14"/>
      <c r="E4471" s="14"/>
      <c r="F4471" s="16"/>
      <c r="G4471" s="2"/>
      <c r="H4471" s="2"/>
      <c r="I4471" s="2"/>
      <c r="J4471" s="2"/>
      <c r="K4471" s="2"/>
      <c r="L4471" s="2"/>
    </row>
    <row r="4472" spans="1:12" s="17" customFormat="1" ht="27" customHeight="1" x14ac:dyDescent="0.15">
      <c r="A4472" s="13"/>
      <c r="B4472" s="14"/>
      <c r="C4472" s="13"/>
      <c r="D4472" s="14"/>
      <c r="E4472" s="14"/>
      <c r="F4472" s="16"/>
      <c r="G4472" s="2"/>
      <c r="H4472" s="2"/>
      <c r="I4472" s="2"/>
      <c r="J4472" s="2"/>
      <c r="K4472" s="2"/>
      <c r="L4472" s="2"/>
    </row>
    <row r="4473" spans="1:12" s="17" customFormat="1" ht="27" customHeight="1" x14ac:dyDescent="0.15">
      <c r="A4473" s="13"/>
      <c r="B4473" s="14"/>
      <c r="C4473" s="13"/>
      <c r="D4473" s="14"/>
      <c r="E4473" s="14"/>
      <c r="F4473" s="16"/>
      <c r="G4473" s="2"/>
      <c r="H4473" s="2"/>
      <c r="I4473" s="2"/>
      <c r="J4473" s="2"/>
      <c r="K4473" s="2"/>
      <c r="L4473" s="2"/>
    </row>
    <row r="4474" spans="1:12" s="17" customFormat="1" ht="27" customHeight="1" x14ac:dyDescent="0.15">
      <c r="A4474" s="13"/>
      <c r="B4474" s="14"/>
      <c r="C4474" s="13"/>
      <c r="D4474" s="14"/>
      <c r="E4474" s="14"/>
      <c r="F4474" s="16"/>
      <c r="G4474" s="2"/>
      <c r="H4474" s="2"/>
      <c r="I4474" s="2"/>
      <c r="J4474" s="2"/>
      <c r="K4474" s="2"/>
      <c r="L4474" s="2"/>
    </row>
    <row r="4475" spans="1:12" s="17" customFormat="1" ht="27" customHeight="1" x14ac:dyDescent="0.15">
      <c r="A4475" s="13"/>
      <c r="B4475" s="14"/>
      <c r="C4475" s="13"/>
      <c r="D4475" s="14"/>
      <c r="E4475" s="14"/>
      <c r="F4475" s="16"/>
      <c r="G4475" s="2"/>
      <c r="H4475" s="2"/>
      <c r="I4475" s="2"/>
      <c r="J4475" s="2"/>
      <c r="K4475" s="2"/>
      <c r="L4475" s="2"/>
    </row>
    <row r="4476" spans="1:12" s="17" customFormat="1" ht="27" customHeight="1" x14ac:dyDescent="0.15">
      <c r="A4476" s="13"/>
      <c r="B4476" s="14"/>
      <c r="C4476" s="13"/>
      <c r="D4476" s="14"/>
      <c r="E4476" s="14"/>
      <c r="F4476" s="16"/>
      <c r="G4476" s="2"/>
      <c r="H4476" s="2"/>
      <c r="I4476" s="2"/>
      <c r="J4476" s="2"/>
      <c r="K4476" s="2"/>
      <c r="L4476" s="2"/>
    </row>
    <row r="4477" spans="1:12" s="17" customFormat="1" ht="27" customHeight="1" x14ac:dyDescent="0.15">
      <c r="A4477" s="13"/>
      <c r="B4477" s="14"/>
      <c r="C4477" s="13"/>
      <c r="D4477" s="14"/>
      <c r="E4477" s="14"/>
      <c r="F4477" s="16"/>
      <c r="G4477" s="2"/>
      <c r="H4477" s="2"/>
      <c r="I4477" s="2"/>
      <c r="J4477" s="2"/>
      <c r="K4477" s="2"/>
      <c r="L4477" s="2"/>
    </row>
    <row r="4478" spans="1:12" s="17" customFormat="1" ht="27" customHeight="1" x14ac:dyDescent="0.15">
      <c r="A4478" s="13"/>
      <c r="B4478" s="14"/>
      <c r="C4478" s="13"/>
      <c r="D4478" s="14"/>
      <c r="E4478" s="14"/>
      <c r="F4478" s="16"/>
      <c r="G4478" s="2"/>
      <c r="H4478" s="2"/>
      <c r="I4478" s="2"/>
      <c r="J4478" s="2"/>
      <c r="K4478" s="2"/>
      <c r="L4478" s="2"/>
    </row>
    <row r="4479" spans="1:12" s="17" customFormat="1" ht="27" customHeight="1" x14ac:dyDescent="0.15">
      <c r="A4479" s="13"/>
      <c r="B4479" s="14"/>
      <c r="C4479" s="13"/>
      <c r="D4479" s="14"/>
      <c r="E4479" s="14"/>
      <c r="F4479" s="16"/>
      <c r="G4479" s="2"/>
      <c r="H4479" s="2"/>
      <c r="I4479" s="2"/>
      <c r="J4479" s="2"/>
      <c r="K4479" s="2"/>
      <c r="L4479" s="2"/>
    </row>
    <row r="4480" spans="1:12" s="17" customFormat="1" ht="27" customHeight="1" x14ac:dyDescent="0.15">
      <c r="A4480" s="13"/>
      <c r="B4480" s="14"/>
      <c r="C4480" s="13"/>
      <c r="D4480" s="14"/>
      <c r="E4480" s="14"/>
      <c r="F4480" s="16"/>
      <c r="G4480" s="2"/>
      <c r="H4480" s="2"/>
      <c r="I4480" s="2"/>
      <c r="J4480" s="2"/>
      <c r="K4480" s="2"/>
      <c r="L4480" s="2"/>
    </row>
    <row r="4481" spans="1:12" s="17" customFormat="1" ht="27" customHeight="1" x14ac:dyDescent="0.15">
      <c r="A4481" s="13"/>
      <c r="B4481" s="14"/>
      <c r="C4481" s="13"/>
      <c r="D4481" s="14"/>
      <c r="E4481" s="14"/>
      <c r="F4481" s="16"/>
      <c r="G4481" s="2"/>
      <c r="H4481" s="2"/>
      <c r="I4481" s="2"/>
      <c r="J4481" s="2"/>
      <c r="K4481" s="2"/>
      <c r="L4481" s="2"/>
    </row>
    <row r="4482" spans="1:12" s="17" customFormat="1" ht="27" customHeight="1" x14ac:dyDescent="0.15">
      <c r="A4482" s="13"/>
      <c r="B4482" s="14"/>
      <c r="C4482" s="13"/>
      <c r="D4482" s="14"/>
      <c r="E4482" s="14"/>
      <c r="F4482" s="16"/>
      <c r="G4482" s="2"/>
      <c r="H4482" s="2"/>
      <c r="I4482" s="2"/>
      <c r="J4482" s="2"/>
      <c r="K4482" s="2"/>
      <c r="L4482" s="2"/>
    </row>
    <row r="4483" spans="1:12" s="17" customFormat="1" ht="27" customHeight="1" x14ac:dyDescent="0.15">
      <c r="A4483" s="13"/>
      <c r="B4483" s="14"/>
      <c r="C4483" s="13"/>
      <c r="D4483" s="14"/>
      <c r="E4483" s="14"/>
      <c r="F4483" s="16"/>
      <c r="G4483" s="2"/>
      <c r="H4483" s="2"/>
      <c r="I4483" s="2"/>
      <c r="J4483" s="2"/>
      <c r="K4483" s="2"/>
      <c r="L4483" s="2"/>
    </row>
    <row r="4484" spans="1:12" s="17" customFormat="1" ht="27" customHeight="1" x14ac:dyDescent="0.15">
      <c r="A4484" s="13"/>
      <c r="B4484" s="14"/>
      <c r="C4484" s="13"/>
      <c r="D4484" s="14"/>
      <c r="E4484" s="14"/>
      <c r="F4484" s="16"/>
      <c r="G4484" s="2"/>
      <c r="H4484" s="2"/>
      <c r="I4484" s="2"/>
      <c r="J4484" s="2"/>
      <c r="K4484" s="2"/>
      <c r="L4484" s="2"/>
    </row>
    <row r="4485" spans="1:12" s="17" customFormat="1" ht="27" customHeight="1" x14ac:dyDescent="0.15">
      <c r="A4485" s="13"/>
      <c r="B4485" s="14"/>
      <c r="C4485" s="13"/>
      <c r="D4485" s="14"/>
      <c r="E4485" s="14"/>
      <c r="F4485" s="16"/>
      <c r="G4485" s="2"/>
      <c r="H4485" s="2"/>
      <c r="I4485" s="2"/>
      <c r="J4485" s="2"/>
      <c r="K4485" s="2"/>
      <c r="L4485" s="2"/>
    </row>
    <row r="4486" spans="1:12" s="17" customFormat="1" ht="27" customHeight="1" x14ac:dyDescent="0.15">
      <c r="A4486" s="13"/>
      <c r="B4486" s="14"/>
      <c r="C4486" s="13"/>
      <c r="D4486" s="14"/>
      <c r="E4486" s="14"/>
      <c r="F4486" s="16"/>
      <c r="G4486" s="2"/>
      <c r="H4486" s="2"/>
      <c r="I4486" s="2"/>
      <c r="J4486" s="2"/>
      <c r="K4486" s="2"/>
      <c r="L4486" s="2"/>
    </row>
    <row r="4487" spans="1:12" s="17" customFormat="1" ht="27" customHeight="1" x14ac:dyDescent="0.15">
      <c r="A4487" s="13"/>
      <c r="B4487" s="14"/>
      <c r="C4487" s="13"/>
      <c r="D4487" s="14"/>
      <c r="E4487" s="14"/>
      <c r="F4487" s="16"/>
      <c r="G4487" s="2"/>
      <c r="H4487" s="2"/>
      <c r="I4487" s="2"/>
      <c r="J4487" s="2"/>
      <c r="K4487" s="2"/>
      <c r="L4487" s="2"/>
    </row>
    <row r="4488" spans="1:12" s="17" customFormat="1" ht="27" customHeight="1" x14ac:dyDescent="0.15">
      <c r="A4488" s="13"/>
      <c r="B4488" s="14"/>
      <c r="C4488" s="13"/>
      <c r="D4488" s="14"/>
      <c r="E4488" s="14"/>
      <c r="F4488" s="16"/>
      <c r="G4488" s="2"/>
      <c r="H4488" s="2"/>
      <c r="I4488" s="2"/>
      <c r="J4488" s="2"/>
      <c r="K4488" s="2"/>
      <c r="L4488" s="2"/>
    </row>
    <row r="4489" spans="1:12" s="17" customFormat="1" ht="27" customHeight="1" x14ac:dyDescent="0.15">
      <c r="A4489" s="13"/>
      <c r="B4489" s="14"/>
      <c r="C4489" s="13"/>
      <c r="D4489" s="14"/>
      <c r="E4489" s="14"/>
      <c r="F4489" s="16"/>
      <c r="G4489" s="2"/>
      <c r="H4489" s="2"/>
      <c r="I4489" s="2"/>
      <c r="J4489" s="2"/>
      <c r="K4489" s="2"/>
      <c r="L4489" s="2"/>
    </row>
    <row r="4490" spans="1:12" s="17" customFormat="1" ht="27" customHeight="1" x14ac:dyDescent="0.15">
      <c r="A4490" s="13"/>
      <c r="B4490" s="14"/>
      <c r="C4490" s="13"/>
      <c r="D4490" s="14"/>
      <c r="E4490" s="14"/>
      <c r="F4490" s="16"/>
      <c r="G4490" s="2"/>
      <c r="H4490" s="2"/>
      <c r="I4490" s="2"/>
      <c r="J4490" s="2"/>
      <c r="K4490" s="2"/>
      <c r="L4490" s="2"/>
    </row>
    <row r="4491" spans="1:12" s="17" customFormat="1" ht="27" customHeight="1" x14ac:dyDescent="0.15">
      <c r="A4491" s="13"/>
      <c r="B4491" s="14"/>
      <c r="C4491" s="13"/>
      <c r="D4491" s="14"/>
      <c r="E4491" s="14"/>
      <c r="F4491" s="16"/>
      <c r="G4491" s="2"/>
      <c r="H4491" s="2"/>
      <c r="I4491" s="2"/>
      <c r="J4491" s="2"/>
      <c r="K4491" s="2"/>
      <c r="L4491" s="2"/>
    </row>
    <row r="4492" spans="1:12" s="17" customFormat="1" ht="27" customHeight="1" x14ac:dyDescent="0.15">
      <c r="A4492" s="13"/>
      <c r="B4492" s="14"/>
      <c r="C4492" s="13"/>
      <c r="D4492" s="14"/>
      <c r="E4492" s="14"/>
      <c r="F4492" s="16"/>
      <c r="G4492" s="2"/>
      <c r="H4492" s="2"/>
      <c r="I4492" s="2"/>
      <c r="J4492" s="2"/>
      <c r="K4492" s="2"/>
      <c r="L4492" s="2"/>
    </row>
    <row r="4493" spans="1:12" s="17" customFormat="1" ht="27" customHeight="1" x14ac:dyDescent="0.15">
      <c r="A4493" s="13"/>
      <c r="B4493" s="14"/>
      <c r="C4493" s="13"/>
      <c r="D4493" s="14"/>
      <c r="E4493" s="14"/>
      <c r="F4493" s="16"/>
      <c r="G4493" s="2"/>
      <c r="H4493" s="2"/>
      <c r="I4493" s="2"/>
      <c r="J4493" s="2"/>
      <c r="K4493" s="2"/>
      <c r="L4493" s="2"/>
    </row>
    <row r="4494" spans="1:12" s="17" customFormat="1" ht="27" customHeight="1" x14ac:dyDescent="0.15">
      <c r="A4494" s="13"/>
      <c r="B4494" s="14"/>
      <c r="C4494" s="13"/>
      <c r="D4494" s="14"/>
      <c r="E4494" s="14"/>
      <c r="F4494" s="16"/>
      <c r="G4494" s="2"/>
      <c r="H4494" s="2"/>
      <c r="I4494" s="2"/>
      <c r="J4494" s="2"/>
      <c r="K4494" s="2"/>
      <c r="L4494" s="2"/>
    </row>
    <row r="4495" spans="1:12" s="17" customFormat="1" ht="27" customHeight="1" x14ac:dyDescent="0.15">
      <c r="A4495" s="13"/>
      <c r="B4495" s="14"/>
      <c r="C4495" s="13"/>
      <c r="D4495" s="14"/>
      <c r="E4495" s="14"/>
      <c r="F4495" s="16"/>
      <c r="G4495" s="2"/>
      <c r="H4495" s="2"/>
      <c r="I4495" s="2"/>
      <c r="J4495" s="2"/>
      <c r="K4495" s="2"/>
      <c r="L4495" s="2"/>
    </row>
    <row r="4496" spans="1:12" s="17" customFormat="1" ht="27" customHeight="1" x14ac:dyDescent="0.15">
      <c r="A4496" s="13"/>
      <c r="B4496" s="14"/>
      <c r="C4496" s="13"/>
      <c r="D4496" s="14"/>
      <c r="E4496" s="14"/>
      <c r="F4496" s="16"/>
      <c r="G4496" s="2"/>
      <c r="H4496" s="2"/>
      <c r="I4496" s="2"/>
      <c r="J4496" s="2"/>
      <c r="K4496" s="2"/>
      <c r="L4496" s="2"/>
    </row>
    <row r="4497" spans="1:12" s="17" customFormat="1" ht="27" customHeight="1" x14ac:dyDescent="0.15">
      <c r="A4497" s="13"/>
      <c r="B4497" s="14"/>
      <c r="C4497" s="13"/>
      <c r="D4497" s="14"/>
      <c r="E4497" s="14"/>
      <c r="F4497" s="16"/>
      <c r="G4497" s="2"/>
      <c r="H4497" s="2"/>
      <c r="I4497" s="2"/>
      <c r="J4497" s="2"/>
      <c r="K4497" s="2"/>
      <c r="L4497" s="2"/>
    </row>
    <row r="4498" spans="1:12" s="17" customFormat="1" ht="27" customHeight="1" x14ac:dyDescent="0.15">
      <c r="A4498" s="13"/>
      <c r="B4498" s="14"/>
      <c r="C4498" s="13"/>
      <c r="D4498" s="14"/>
      <c r="E4498" s="14"/>
      <c r="F4498" s="16"/>
      <c r="G4498" s="2"/>
      <c r="H4498" s="2"/>
      <c r="I4498" s="2"/>
      <c r="J4498" s="2"/>
      <c r="K4498" s="2"/>
      <c r="L4498" s="2"/>
    </row>
    <row r="4499" spans="1:12" s="17" customFormat="1" ht="27" customHeight="1" x14ac:dyDescent="0.15">
      <c r="A4499" s="13"/>
      <c r="B4499" s="14"/>
      <c r="C4499" s="13"/>
      <c r="D4499" s="14"/>
      <c r="E4499" s="14"/>
      <c r="F4499" s="16"/>
      <c r="G4499" s="2"/>
      <c r="H4499" s="2"/>
      <c r="I4499" s="2"/>
      <c r="J4499" s="2"/>
      <c r="K4499" s="2"/>
      <c r="L4499" s="2"/>
    </row>
    <row r="4500" spans="1:12" s="17" customFormat="1" ht="27" customHeight="1" x14ac:dyDescent="0.15">
      <c r="A4500" s="13"/>
      <c r="B4500" s="14"/>
      <c r="C4500" s="13"/>
      <c r="D4500" s="14"/>
      <c r="E4500" s="14"/>
      <c r="F4500" s="16"/>
      <c r="G4500" s="2"/>
      <c r="H4500" s="2"/>
      <c r="I4500" s="2"/>
      <c r="J4500" s="2"/>
      <c r="K4500" s="2"/>
      <c r="L4500" s="2"/>
    </row>
    <row r="4501" spans="1:12" s="17" customFormat="1" ht="27" customHeight="1" x14ac:dyDescent="0.15">
      <c r="A4501" s="13"/>
      <c r="B4501" s="14"/>
      <c r="C4501" s="13"/>
      <c r="D4501" s="14"/>
      <c r="E4501" s="14"/>
      <c r="F4501" s="16"/>
      <c r="G4501" s="2"/>
      <c r="H4501" s="2"/>
      <c r="I4501" s="2"/>
      <c r="J4501" s="2"/>
      <c r="K4501" s="2"/>
      <c r="L4501" s="2"/>
    </row>
    <row r="4502" spans="1:12" s="17" customFormat="1" ht="27" customHeight="1" x14ac:dyDescent="0.15">
      <c r="A4502" s="13"/>
      <c r="B4502" s="14"/>
      <c r="C4502" s="13"/>
      <c r="D4502" s="14"/>
      <c r="E4502" s="14"/>
      <c r="F4502" s="16"/>
      <c r="G4502" s="2"/>
      <c r="H4502" s="2"/>
      <c r="I4502" s="2"/>
      <c r="J4502" s="2"/>
      <c r="K4502" s="2"/>
      <c r="L4502" s="2"/>
    </row>
    <row r="4503" spans="1:12" s="17" customFormat="1" ht="27" customHeight="1" x14ac:dyDescent="0.15">
      <c r="A4503" s="13"/>
      <c r="B4503" s="14"/>
      <c r="C4503" s="13"/>
      <c r="D4503" s="14"/>
      <c r="E4503" s="14"/>
      <c r="F4503" s="16"/>
      <c r="G4503" s="2"/>
      <c r="H4503" s="2"/>
      <c r="I4503" s="2"/>
      <c r="J4503" s="2"/>
      <c r="K4503" s="2"/>
      <c r="L4503" s="2"/>
    </row>
    <row r="4504" spans="1:12" s="17" customFormat="1" ht="27" customHeight="1" x14ac:dyDescent="0.15">
      <c r="A4504" s="13"/>
      <c r="B4504" s="14"/>
      <c r="C4504" s="13"/>
      <c r="D4504" s="14"/>
      <c r="E4504" s="14"/>
      <c r="F4504" s="16"/>
      <c r="G4504" s="2"/>
      <c r="H4504" s="2"/>
      <c r="I4504" s="2"/>
      <c r="J4504" s="2"/>
      <c r="K4504" s="2"/>
      <c r="L4504" s="2"/>
    </row>
    <row r="4505" spans="1:12" s="17" customFormat="1" ht="27" customHeight="1" x14ac:dyDescent="0.15">
      <c r="A4505" s="13"/>
      <c r="B4505" s="14"/>
      <c r="C4505" s="13"/>
      <c r="D4505" s="14"/>
      <c r="E4505" s="14"/>
      <c r="F4505" s="16"/>
      <c r="G4505" s="2"/>
      <c r="H4505" s="2"/>
      <c r="I4505" s="2"/>
      <c r="J4505" s="2"/>
      <c r="K4505" s="2"/>
      <c r="L4505" s="2"/>
    </row>
    <row r="4506" spans="1:12" s="17" customFormat="1" ht="27" customHeight="1" x14ac:dyDescent="0.15">
      <c r="A4506" s="13"/>
      <c r="B4506" s="14"/>
      <c r="C4506" s="13"/>
      <c r="D4506" s="14"/>
      <c r="E4506" s="14"/>
      <c r="F4506" s="16"/>
      <c r="G4506" s="2"/>
      <c r="H4506" s="2"/>
      <c r="I4506" s="2"/>
      <c r="J4506" s="2"/>
      <c r="K4506" s="2"/>
      <c r="L4506" s="2"/>
    </row>
    <row r="4507" spans="1:12" s="17" customFormat="1" ht="27" customHeight="1" x14ac:dyDescent="0.15">
      <c r="A4507" s="13"/>
      <c r="B4507" s="14"/>
      <c r="C4507" s="13"/>
      <c r="D4507" s="14"/>
      <c r="E4507" s="14"/>
      <c r="F4507" s="16"/>
      <c r="G4507" s="2"/>
      <c r="H4507" s="2"/>
      <c r="I4507" s="2"/>
      <c r="J4507" s="2"/>
      <c r="K4507" s="2"/>
      <c r="L4507" s="2"/>
    </row>
    <row r="4508" spans="1:12" s="17" customFormat="1" ht="27" customHeight="1" x14ac:dyDescent="0.15">
      <c r="A4508" s="13"/>
      <c r="B4508" s="14"/>
      <c r="C4508" s="13"/>
      <c r="D4508" s="14"/>
      <c r="E4508" s="14"/>
      <c r="F4508" s="16"/>
      <c r="G4508" s="2"/>
      <c r="H4508" s="2"/>
      <c r="I4508" s="2"/>
      <c r="J4508" s="2"/>
      <c r="K4508" s="2"/>
      <c r="L4508" s="2"/>
    </row>
    <row r="4509" spans="1:12" s="17" customFormat="1" ht="27" customHeight="1" x14ac:dyDescent="0.15">
      <c r="A4509" s="13"/>
      <c r="B4509" s="14"/>
      <c r="C4509" s="13"/>
      <c r="D4509" s="14"/>
      <c r="E4509" s="14"/>
      <c r="F4509" s="16"/>
      <c r="G4509" s="2"/>
      <c r="H4509" s="2"/>
      <c r="I4509" s="2"/>
      <c r="J4509" s="2"/>
      <c r="K4509" s="2"/>
      <c r="L4509" s="2"/>
    </row>
    <row r="4510" spans="1:12" s="17" customFormat="1" ht="27" customHeight="1" x14ac:dyDescent="0.15">
      <c r="A4510" s="13"/>
      <c r="B4510" s="14"/>
      <c r="C4510" s="13"/>
      <c r="D4510" s="14"/>
      <c r="E4510" s="14"/>
      <c r="F4510" s="16"/>
      <c r="G4510" s="2"/>
      <c r="H4510" s="2"/>
      <c r="I4510" s="2"/>
      <c r="J4510" s="2"/>
      <c r="K4510" s="2"/>
      <c r="L4510" s="2"/>
    </row>
    <row r="4511" spans="1:12" s="17" customFormat="1" ht="27" customHeight="1" x14ac:dyDescent="0.15">
      <c r="A4511" s="13"/>
      <c r="B4511" s="14"/>
      <c r="C4511" s="13"/>
      <c r="D4511" s="14"/>
      <c r="E4511" s="14"/>
      <c r="F4511" s="16"/>
      <c r="G4511" s="2"/>
      <c r="H4511" s="2"/>
      <c r="I4511" s="2"/>
      <c r="J4511" s="2"/>
      <c r="K4511" s="2"/>
      <c r="L4511" s="2"/>
    </row>
    <row r="4512" spans="1:12" s="17" customFormat="1" ht="27" customHeight="1" x14ac:dyDescent="0.15">
      <c r="A4512" s="13"/>
      <c r="B4512" s="14"/>
      <c r="C4512" s="13"/>
      <c r="D4512" s="14"/>
      <c r="E4512" s="14"/>
      <c r="F4512" s="16"/>
      <c r="G4512" s="2"/>
      <c r="H4512" s="2"/>
      <c r="I4512" s="2"/>
      <c r="J4512" s="2"/>
      <c r="K4512" s="2"/>
      <c r="L4512" s="2"/>
    </row>
    <row r="4513" spans="1:12" s="17" customFormat="1" ht="27" customHeight="1" x14ac:dyDescent="0.15">
      <c r="A4513" s="13"/>
      <c r="B4513" s="14"/>
      <c r="C4513" s="13"/>
      <c r="D4513" s="14"/>
      <c r="E4513" s="14"/>
      <c r="F4513" s="16"/>
      <c r="G4513" s="2"/>
      <c r="H4513" s="2"/>
      <c r="I4513" s="2"/>
      <c r="J4513" s="2"/>
      <c r="K4513" s="2"/>
      <c r="L4513" s="2"/>
    </row>
    <row r="4514" spans="1:12" s="17" customFormat="1" ht="27" customHeight="1" x14ac:dyDescent="0.15">
      <c r="A4514" s="13"/>
      <c r="B4514" s="14"/>
      <c r="C4514" s="13"/>
      <c r="D4514" s="14"/>
      <c r="E4514" s="14"/>
      <c r="F4514" s="16"/>
      <c r="G4514" s="2"/>
      <c r="H4514" s="2"/>
      <c r="I4514" s="2"/>
      <c r="J4514" s="2"/>
      <c r="K4514" s="2"/>
      <c r="L4514" s="2"/>
    </row>
    <row r="4515" spans="1:12" s="17" customFormat="1" ht="27" customHeight="1" x14ac:dyDescent="0.15">
      <c r="A4515" s="13"/>
      <c r="B4515" s="14"/>
      <c r="C4515" s="13"/>
      <c r="D4515" s="14"/>
      <c r="E4515" s="14"/>
      <c r="F4515" s="16"/>
      <c r="G4515" s="2"/>
      <c r="H4515" s="2"/>
      <c r="I4515" s="2"/>
      <c r="J4515" s="2"/>
      <c r="K4515" s="2"/>
      <c r="L4515" s="2"/>
    </row>
    <row r="4516" spans="1:12" s="17" customFormat="1" ht="27" customHeight="1" x14ac:dyDescent="0.15">
      <c r="A4516" s="13"/>
      <c r="B4516" s="14"/>
      <c r="C4516" s="13"/>
      <c r="D4516" s="14"/>
      <c r="E4516" s="14"/>
      <c r="F4516" s="16"/>
      <c r="G4516" s="2"/>
      <c r="H4516" s="2"/>
      <c r="I4516" s="2"/>
      <c r="J4516" s="2"/>
      <c r="K4516" s="2"/>
      <c r="L4516" s="2"/>
    </row>
    <row r="4517" spans="1:12" s="17" customFormat="1" ht="27" customHeight="1" x14ac:dyDescent="0.15">
      <c r="A4517" s="13"/>
      <c r="B4517" s="14"/>
      <c r="C4517" s="13"/>
      <c r="D4517" s="14"/>
      <c r="E4517" s="14"/>
      <c r="F4517" s="16"/>
      <c r="G4517" s="2"/>
      <c r="H4517" s="2"/>
      <c r="I4517" s="2"/>
      <c r="J4517" s="2"/>
      <c r="K4517" s="2"/>
      <c r="L4517" s="2"/>
    </row>
    <row r="4518" spans="1:12" s="17" customFormat="1" ht="27" customHeight="1" x14ac:dyDescent="0.15">
      <c r="A4518" s="13"/>
      <c r="B4518" s="14"/>
      <c r="C4518" s="13"/>
      <c r="D4518" s="14"/>
      <c r="E4518" s="14"/>
      <c r="F4518" s="16"/>
      <c r="G4518" s="2"/>
      <c r="H4518" s="2"/>
      <c r="I4518" s="2"/>
      <c r="J4518" s="2"/>
      <c r="K4518" s="2"/>
      <c r="L4518" s="2"/>
    </row>
    <row r="4519" spans="1:12" s="17" customFormat="1" ht="27" customHeight="1" x14ac:dyDescent="0.15">
      <c r="A4519" s="13"/>
      <c r="B4519" s="14"/>
      <c r="C4519" s="13"/>
      <c r="D4519" s="14"/>
      <c r="E4519" s="14"/>
      <c r="F4519" s="16"/>
      <c r="G4519" s="2"/>
      <c r="H4519" s="2"/>
      <c r="I4519" s="2"/>
      <c r="J4519" s="2"/>
      <c r="K4519" s="2"/>
      <c r="L4519" s="2"/>
    </row>
    <row r="4520" spans="1:12" s="17" customFormat="1" ht="27" customHeight="1" x14ac:dyDescent="0.15">
      <c r="A4520" s="13"/>
      <c r="B4520" s="14"/>
      <c r="C4520" s="13"/>
      <c r="D4520" s="14"/>
      <c r="E4520" s="14"/>
      <c r="F4520" s="16"/>
      <c r="G4520" s="2"/>
      <c r="H4520" s="2"/>
      <c r="I4520" s="2"/>
      <c r="J4520" s="2"/>
      <c r="K4520" s="2"/>
      <c r="L4520" s="2"/>
    </row>
    <row r="4521" spans="1:12" s="17" customFormat="1" ht="27" customHeight="1" x14ac:dyDescent="0.15">
      <c r="A4521" s="13"/>
      <c r="B4521" s="14"/>
      <c r="C4521" s="13"/>
      <c r="D4521" s="14"/>
      <c r="E4521" s="14"/>
      <c r="F4521" s="16"/>
      <c r="G4521" s="2"/>
      <c r="H4521" s="2"/>
      <c r="I4521" s="2"/>
      <c r="J4521" s="2"/>
      <c r="K4521" s="2"/>
      <c r="L4521" s="2"/>
    </row>
    <row r="4522" spans="1:12" s="17" customFormat="1" ht="27" customHeight="1" x14ac:dyDescent="0.15">
      <c r="A4522" s="13"/>
      <c r="B4522" s="14"/>
      <c r="C4522" s="13"/>
      <c r="D4522" s="14"/>
      <c r="E4522" s="14"/>
      <c r="F4522" s="16"/>
      <c r="G4522" s="2"/>
      <c r="H4522" s="2"/>
      <c r="I4522" s="2"/>
      <c r="J4522" s="2"/>
      <c r="K4522" s="2"/>
      <c r="L4522" s="2"/>
    </row>
    <row r="4523" spans="1:12" s="17" customFormat="1" ht="27" customHeight="1" x14ac:dyDescent="0.15">
      <c r="A4523" s="13"/>
      <c r="B4523" s="14"/>
      <c r="C4523" s="13"/>
      <c r="D4523" s="14"/>
      <c r="E4523" s="14"/>
      <c r="F4523" s="16"/>
      <c r="G4523" s="2"/>
      <c r="H4523" s="2"/>
      <c r="I4523" s="2"/>
      <c r="J4523" s="2"/>
      <c r="K4523" s="2"/>
      <c r="L4523" s="2"/>
    </row>
    <row r="4524" spans="1:12" s="17" customFormat="1" ht="27" customHeight="1" x14ac:dyDescent="0.15">
      <c r="A4524" s="13"/>
      <c r="B4524" s="14"/>
      <c r="C4524" s="13"/>
      <c r="D4524" s="14"/>
      <c r="E4524" s="14"/>
      <c r="F4524" s="16"/>
      <c r="G4524" s="2"/>
      <c r="H4524" s="2"/>
      <c r="I4524" s="2"/>
      <c r="J4524" s="2"/>
      <c r="K4524" s="2"/>
      <c r="L4524" s="2"/>
    </row>
    <row r="4525" spans="1:12" s="17" customFormat="1" ht="27" customHeight="1" x14ac:dyDescent="0.15">
      <c r="A4525" s="13"/>
      <c r="B4525" s="14"/>
      <c r="C4525" s="13"/>
      <c r="D4525" s="14"/>
      <c r="E4525" s="14"/>
      <c r="F4525" s="16"/>
      <c r="G4525" s="2"/>
      <c r="H4525" s="2"/>
      <c r="I4525" s="2"/>
      <c r="J4525" s="2"/>
      <c r="K4525" s="2"/>
      <c r="L4525" s="2"/>
    </row>
    <row r="4526" spans="1:12" s="17" customFormat="1" ht="27" customHeight="1" x14ac:dyDescent="0.15">
      <c r="A4526" s="13"/>
      <c r="B4526" s="14"/>
      <c r="C4526" s="13"/>
      <c r="D4526" s="14"/>
      <c r="E4526" s="14"/>
      <c r="F4526" s="16"/>
      <c r="G4526" s="2"/>
      <c r="H4526" s="2"/>
      <c r="I4526" s="2"/>
      <c r="J4526" s="2"/>
      <c r="K4526" s="2"/>
      <c r="L4526" s="2"/>
    </row>
    <row r="4527" spans="1:12" s="17" customFormat="1" ht="27" customHeight="1" x14ac:dyDescent="0.15">
      <c r="A4527" s="13"/>
      <c r="B4527" s="14"/>
      <c r="C4527" s="13"/>
      <c r="D4527" s="14"/>
      <c r="E4527" s="14"/>
      <c r="F4527" s="16"/>
      <c r="G4527" s="2"/>
      <c r="H4527" s="2"/>
      <c r="I4527" s="2"/>
      <c r="J4527" s="2"/>
      <c r="K4527" s="2"/>
      <c r="L4527" s="2"/>
    </row>
    <row r="4528" spans="1:12" s="17" customFormat="1" ht="27" customHeight="1" x14ac:dyDescent="0.15">
      <c r="A4528" s="13"/>
      <c r="B4528" s="14"/>
      <c r="C4528" s="13"/>
      <c r="D4528" s="14"/>
      <c r="E4528" s="14"/>
      <c r="F4528" s="16"/>
      <c r="G4528" s="2"/>
      <c r="H4528" s="2"/>
      <c r="I4528" s="2"/>
      <c r="J4528" s="2"/>
      <c r="K4528" s="2"/>
      <c r="L4528" s="2"/>
    </row>
    <row r="4529" spans="1:12" s="17" customFormat="1" ht="27" customHeight="1" x14ac:dyDescent="0.15">
      <c r="A4529" s="13"/>
      <c r="B4529" s="14"/>
      <c r="C4529" s="13"/>
      <c r="D4529" s="14"/>
      <c r="E4529" s="14"/>
      <c r="F4529" s="16"/>
      <c r="G4529" s="2"/>
      <c r="H4529" s="2"/>
      <c r="I4529" s="2"/>
      <c r="J4529" s="2"/>
      <c r="K4529" s="2"/>
      <c r="L4529" s="2"/>
    </row>
    <row r="4530" spans="1:12" s="17" customFormat="1" ht="27" customHeight="1" x14ac:dyDescent="0.15">
      <c r="A4530" s="13"/>
      <c r="B4530" s="14"/>
      <c r="C4530" s="13"/>
      <c r="D4530" s="14"/>
      <c r="E4530" s="14"/>
      <c r="F4530" s="16"/>
      <c r="G4530" s="2"/>
      <c r="H4530" s="2"/>
      <c r="I4530" s="2"/>
      <c r="J4530" s="2"/>
      <c r="K4530" s="2"/>
      <c r="L4530" s="2"/>
    </row>
    <row r="4531" spans="1:12" s="17" customFormat="1" ht="27" customHeight="1" x14ac:dyDescent="0.15">
      <c r="A4531" s="13"/>
      <c r="B4531" s="14"/>
      <c r="C4531" s="13"/>
      <c r="D4531" s="14"/>
      <c r="E4531" s="14"/>
      <c r="F4531" s="16"/>
      <c r="G4531" s="2"/>
      <c r="H4531" s="2"/>
      <c r="I4531" s="2"/>
      <c r="J4531" s="2"/>
      <c r="K4531" s="2"/>
      <c r="L4531" s="2"/>
    </row>
    <row r="4532" spans="1:12" s="17" customFormat="1" ht="27" customHeight="1" x14ac:dyDescent="0.15">
      <c r="A4532" s="13"/>
      <c r="B4532" s="14"/>
      <c r="C4532" s="13"/>
      <c r="D4532" s="14"/>
      <c r="E4532" s="14"/>
      <c r="F4532" s="16"/>
      <c r="G4532" s="2"/>
      <c r="H4532" s="2"/>
      <c r="I4532" s="2"/>
      <c r="J4532" s="2"/>
      <c r="K4532" s="2"/>
      <c r="L4532" s="2"/>
    </row>
    <row r="4533" spans="1:12" s="17" customFormat="1" ht="27" customHeight="1" x14ac:dyDescent="0.15">
      <c r="A4533" s="13"/>
      <c r="B4533" s="14"/>
      <c r="C4533" s="13"/>
      <c r="D4533" s="14"/>
      <c r="E4533" s="14"/>
      <c r="F4533" s="16"/>
      <c r="G4533" s="2"/>
      <c r="H4533" s="2"/>
      <c r="I4533" s="2"/>
      <c r="J4533" s="2"/>
      <c r="K4533" s="2"/>
      <c r="L4533" s="2"/>
    </row>
    <row r="4534" spans="1:12" s="17" customFormat="1" ht="27" customHeight="1" x14ac:dyDescent="0.15">
      <c r="A4534" s="13"/>
      <c r="B4534" s="14"/>
      <c r="C4534" s="13"/>
      <c r="D4534" s="14"/>
      <c r="E4534" s="14"/>
      <c r="F4534" s="16"/>
      <c r="G4534" s="2"/>
      <c r="H4534" s="2"/>
      <c r="I4534" s="2"/>
      <c r="J4534" s="2"/>
      <c r="K4534" s="2"/>
      <c r="L4534" s="2"/>
    </row>
    <row r="4535" spans="1:12" s="17" customFormat="1" ht="27" customHeight="1" x14ac:dyDescent="0.15">
      <c r="A4535" s="13"/>
      <c r="B4535" s="14"/>
      <c r="C4535" s="13"/>
      <c r="D4535" s="14"/>
      <c r="E4535" s="14"/>
      <c r="F4535" s="16"/>
      <c r="G4535" s="2"/>
      <c r="H4535" s="2"/>
      <c r="I4535" s="2"/>
      <c r="J4535" s="2"/>
      <c r="K4535" s="2"/>
      <c r="L4535" s="2"/>
    </row>
    <row r="4536" spans="1:12" s="17" customFormat="1" ht="27" customHeight="1" x14ac:dyDescent="0.15">
      <c r="A4536" s="13"/>
      <c r="B4536" s="14"/>
      <c r="C4536" s="13"/>
      <c r="D4536" s="14"/>
      <c r="E4536" s="14"/>
      <c r="F4536" s="16"/>
      <c r="G4536" s="2"/>
      <c r="H4536" s="2"/>
      <c r="I4536" s="2"/>
      <c r="J4536" s="2"/>
      <c r="K4536" s="2"/>
      <c r="L4536" s="2"/>
    </row>
    <row r="4537" spans="1:12" s="17" customFormat="1" ht="27" customHeight="1" x14ac:dyDescent="0.15">
      <c r="A4537" s="13"/>
      <c r="B4537" s="14"/>
      <c r="C4537" s="13"/>
      <c r="D4537" s="14"/>
      <c r="E4537" s="14"/>
      <c r="F4537" s="16"/>
      <c r="G4537" s="2"/>
      <c r="H4537" s="2"/>
      <c r="I4537" s="2"/>
      <c r="J4537" s="2"/>
      <c r="K4537" s="2"/>
      <c r="L4537" s="2"/>
    </row>
    <row r="4538" spans="1:12" s="17" customFormat="1" ht="27" customHeight="1" x14ac:dyDescent="0.15">
      <c r="A4538" s="13"/>
      <c r="B4538" s="14"/>
      <c r="C4538" s="13"/>
      <c r="D4538" s="14"/>
      <c r="E4538" s="14"/>
      <c r="F4538" s="16"/>
      <c r="G4538" s="2"/>
      <c r="H4538" s="2"/>
      <c r="I4538" s="2"/>
      <c r="J4538" s="2"/>
      <c r="K4538" s="2"/>
      <c r="L4538" s="2"/>
    </row>
    <row r="4539" spans="1:12" s="17" customFormat="1" ht="27" customHeight="1" x14ac:dyDescent="0.15">
      <c r="A4539" s="13"/>
      <c r="B4539" s="14"/>
      <c r="C4539" s="13"/>
      <c r="D4539" s="14"/>
      <c r="E4539" s="14"/>
      <c r="F4539" s="16"/>
      <c r="G4539" s="2"/>
      <c r="H4539" s="2"/>
      <c r="I4539" s="2"/>
      <c r="J4539" s="2"/>
      <c r="K4539" s="2"/>
      <c r="L4539" s="2"/>
    </row>
    <row r="4540" spans="1:12" s="17" customFormat="1" ht="27" customHeight="1" x14ac:dyDescent="0.15">
      <c r="A4540" s="13"/>
      <c r="B4540" s="14"/>
      <c r="C4540" s="13"/>
      <c r="D4540" s="14"/>
      <c r="E4540" s="14"/>
      <c r="F4540" s="16"/>
      <c r="G4540" s="2"/>
      <c r="H4540" s="2"/>
      <c r="I4540" s="2"/>
      <c r="J4540" s="2"/>
      <c r="K4540" s="2"/>
      <c r="L4540" s="2"/>
    </row>
    <row r="4541" spans="1:12" s="17" customFormat="1" ht="27" customHeight="1" x14ac:dyDescent="0.15">
      <c r="A4541" s="13"/>
      <c r="B4541" s="14"/>
      <c r="C4541" s="13"/>
      <c r="D4541" s="14"/>
      <c r="E4541" s="14"/>
      <c r="F4541" s="16"/>
      <c r="G4541" s="2"/>
      <c r="H4541" s="2"/>
      <c r="I4541" s="2"/>
      <c r="J4541" s="2"/>
      <c r="K4541" s="2"/>
      <c r="L4541" s="2"/>
    </row>
    <row r="4542" spans="1:12" s="17" customFormat="1" ht="27" customHeight="1" x14ac:dyDescent="0.15">
      <c r="A4542" s="13"/>
      <c r="B4542" s="14"/>
      <c r="C4542" s="13"/>
      <c r="D4542" s="14"/>
      <c r="E4542" s="14"/>
      <c r="F4542" s="16"/>
      <c r="G4542" s="2"/>
      <c r="H4542" s="2"/>
      <c r="I4542" s="2"/>
      <c r="J4542" s="2"/>
      <c r="K4542" s="2"/>
      <c r="L4542" s="2"/>
    </row>
    <row r="4543" spans="1:12" s="17" customFormat="1" ht="27" customHeight="1" x14ac:dyDescent="0.15">
      <c r="A4543" s="13"/>
      <c r="B4543" s="14"/>
      <c r="C4543" s="13"/>
      <c r="D4543" s="14"/>
      <c r="E4543" s="14"/>
      <c r="F4543" s="16"/>
      <c r="G4543" s="2"/>
      <c r="H4543" s="2"/>
      <c r="I4543" s="2"/>
      <c r="J4543" s="2"/>
      <c r="K4543" s="2"/>
      <c r="L4543" s="2"/>
    </row>
    <row r="4544" spans="1:12" s="17" customFormat="1" ht="27" customHeight="1" x14ac:dyDescent="0.15">
      <c r="A4544" s="13"/>
      <c r="B4544" s="14"/>
      <c r="C4544" s="13"/>
      <c r="D4544" s="14"/>
      <c r="E4544" s="14"/>
      <c r="F4544" s="16"/>
      <c r="G4544" s="2"/>
      <c r="H4544" s="2"/>
      <c r="I4544" s="2"/>
      <c r="J4544" s="2"/>
      <c r="K4544" s="2"/>
      <c r="L4544" s="2"/>
    </row>
    <row r="4545" spans="1:12" s="17" customFormat="1" ht="27" customHeight="1" x14ac:dyDescent="0.15">
      <c r="A4545" s="13"/>
      <c r="B4545" s="14"/>
      <c r="C4545" s="13"/>
      <c r="D4545" s="14"/>
      <c r="E4545" s="14"/>
      <c r="F4545" s="16"/>
      <c r="G4545" s="2"/>
      <c r="H4545" s="2"/>
      <c r="I4545" s="2"/>
      <c r="J4545" s="2"/>
      <c r="K4545" s="2"/>
      <c r="L4545" s="2"/>
    </row>
    <row r="4546" spans="1:12" s="17" customFormat="1" ht="27" customHeight="1" x14ac:dyDescent="0.15">
      <c r="A4546" s="13"/>
      <c r="B4546" s="14"/>
      <c r="C4546" s="13"/>
      <c r="D4546" s="14"/>
      <c r="E4546" s="14"/>
      <c r="F4546" s="16"/>
      <c r="G4546" s="2"/>
      <c r="H4546" s="2"/>
      <c r="I4546" s="2"/>
      <c r="J4546" s="2"/>
      <c r="K4546" s="2"/>
      <c r="L4546" s="2"/>
    </row>
    <row r="4547" spans="1:12" s="17" customFormat="1" ht="27" customHeight="1" x14ac:dyDescent="0.15">
      <c r="A4547" s="13"/>
      <c r="B4547" s="14"/>
      <c r="C4547" s="13"/>
      <c r="D4547" s="14"/>
      <c r="E4547" s="14"/>
      <c r="F4547" s="16"/>
      <c r="G4547" s="2"/>
      <c r="H4547" s="2"/>
      <c r="I4547" s="2"/>
      <c r="J4547" s="2"/>
      <c r="K4547" s="2"/>
      <c r="L4547" s="2"/>
    </row>
    <row r="4548" spans="1:12" s="17" customFormat="1" ht="27" customHeight="1" x14ac:dyDescent="0.15">
      <c r="A4548" s="13"/>
      <c r="B4548" s="14"/>
      <c r="C4548" s="13"/>
      <c r="D4548" s="14"/>
      <c r="E4548" s="14"/>
      <c r="F4548" s="16"/>
      <c r="G4548" s="2"/>
      <c r="H4548" s="2"/>
      <c r="I4548" s="2"/>
      <c r="J4548" s="2"/>
      <c r="K4548" s="2"/>
      <c r="L4548" s="2"/>
    </row>
    <row r="4549" spans="1:12" s="17" customFormat="1" ht="27" customHeight="1" x14ac:dyDescent="0.15">
      <c r="A4549" s="13"/>
      <c r="B4549" s="14"/>
      <c r="C4549" s="13"/>
      <c r="D4549" s="14"/>
      <c r="E4549" s="14"/>
      <c r="F4549" s="16"/>
      <c r="G4549" s="2"/>
      <c r="H4549" s="2"/>
      <c r="I4549" s="2"/>
      <c r="J4549" s="2"/>
      <c r="K4549" s="2"/>
      <c r="L4549" s="2"/>
    </row>
    <row r="4550" spans="1:12" s="17" customFormat="1" ht="27" customHeight="1" x14ac:dyDescent="0.15">
      <c r="A4550" s="13"/>
      <c r="B4550" s="14"/>
      <c r="C4550" s="13"/>
      <c r="D4550" s="14"/>
      <c r="E4550" s="14"/>
      <c r="F4550" s="16"/>
      <c r="G4550" s="2"/>
      <c r="H4550" s="2"/>
      <c r="I4550" s="2"/>
      <c r="J4550" s="2"/>
      <c r="K4550" s="2"/>
      <c r="L4550" s="2"/>
    </row>
    <row r="4551" spans="1:12" s="17" customFormat="1" ht="27" customHeight="1" x14ac:dyDescent="0.15">
      <c r="A4551" s="13"/>
      <c r="B4551" s="14"/>
      <c r="C4551" s="13"/>
      <c r="D4551" s="14"/>
      <c r="E4551" s="14"/>
      <c r="F4551" s="16"/>
      <c r="G4551" s="2"/>
      <c r="H4551" s="2"/>
      <c r="I4551" s="2"/>
      <c r="J4551" s="2"/>
      <c r="K4551" s="2"/>
      <c r="L4551" s="2"/>
    </row>
    <row r="4552" spans="1:12" s="17" customFormat="1" ht="27" customHeight="1" x14ac:dyDescent="0.15">
      <c r="A4552" s="13"/>
      <c r="B4552" s="14"/>
      <c r="C4552" s="13"/>
      <c r="D4552" s="14"/>
      <c r="E4552" s="14"/>
      <c r="F4552" s="16"/>
      <c r="G4552" s="2"/>
      <c r="H4552" s="2"/>
      <c r="I4552" s="2"/>
      <c r="J4552" s="2"/>
      <c r="K4552" s="2"/>
      <c r="L4552" s="2"/>
    </row>
    <row r="4553" spans="1:12" s="17" customFormat="1" ht="27" customHeight="1" x14ac:dyDescent="0.15">
      <c r="A4553" s="13"/>
      <c r="B4553" s="14"/>
      <c r="C4553" s="13"/>
      <c r="D4553" s="14"/>
      <c r="E4553" s="14"/>
      <c r="F4553" s="16"/>
      <c r="G4553" s="2"/>
      <c r="H4553" s="2"/>
      <c r="I4553" s="2"/>
      <c r="J4553" s="2"/>
      <c r="K4553" s="2"/>
      <c r="L4553" s="2"/>
    </row>
    <row r="4554" spans="1:12" s="17" customFormat="1" ht="27" customHeight="1" x14ac:dyDescent="0.15">
      <c r="A4554" s="13"/>
      <c r="B4554" s="14"/>
      <c r="C4554" s="13"/>
      <c r="D4554" s="14"/>
      <c r="E4554" s="14"/>
      <c r="F4554" s="16"/>
      <c r="G4554" s="2"/>
      <c r="H4554" s="2"/>
      <c r="I4554" s="2"/>
      <c r="J4554" s="2"/>
      <c r="K4554" s="2"/>
      <c r="L4554" s="2"/>
    </row>
    <row r="4555" spans="1:12" s="17" customFormat="1" ht="27" customHeight="1" x14ac:dyDescent="0.15">
      <c r="A4555" s="13"/>
      <c r="B4555" s="14"/>
      <c r="C4555" s="13"/>
      <c r="D4555" s="14"/>
      <c r="E4555" s="14"/>
      <c r="F4555" s="16"/>
      <c r="G4555" s="2"/>
      <c r="H4555" s="2"/>
      <c r="I4555" s="2"/>
      <c r="J4555" s="2"/>
      <c r="K4555" s="2"/>
      <c r="L4555" s="2"/>
    </row>
    <row r="4556" spans="1:12" s="17" customFormat="1" ht="27" customHeight="1" x14ac:dyDescent="0.15">
      <c r="A4556" s="13"/>
      <c r="B4556" s="14"/>
      <c r="C4556" s="13"/>
      <c r="D4556" s="14"/>
      <c r="E4556" s="14"/>
      <c r="F4556" s="16"/>
      <c r="G4556" s="2"/>
      <c r="H4556" s="2"/>
      <c r="I4556" s="2"/>
      <c r="J4556" s="2"/>
      <c r="K4556" s="2"/>
      <c r="L4556" s="2"/>
    </row>
    <row r="4557" spans="1:12" s="17" customFormat="1" ht="27" customHeight="1" x14ac:dyDescent="0.15">
      <c r="A4557" s="13"/>
      <c r="B4557" s="14"/>
      <c r="C4557" s="13"/>
      <c r="D4557" s="14"/>
      <c r="E4557" s="14"/>
      <c r="F4557" s="16"/>
      <c r="G4557" s="2"/>
      <c r="H4557" s="2"/>
      <c r="I4557" s="2"/>
      <c r="J4557" s="2"/>
      <c r="K4557" s="2"/>
      <c r="L4557" s="2"/>
    </row>
    <row r="4558" spans="1:12" s="17" customFormat="1" ht="27" customHeight="1" x14ac:dyDescent="0.15">
      <c r="A4558" s="13"/>
      <c r="B4558" s="14"/>
      <c r="C4558" s="13"/>
      <c r="D4558" s="14"/>
      <c r="E4558" s="14"/>
      <c r="F4558" s="16"/>
      <c r="G4558" s="2"/>
      <c r="H4558" s="2"/>
      <c r="I4558" s="2"/>
      <c r="J4558" s="2"/>
      <c r="K4558" s="2"/>
      <c r="L4558" s="2"/>
    </row>
    <row r="4559" spans="1:12" s="17" customFormat="1" ht="27" customHeight="1" x14ac:dyDescent="0.15">
      <c r="A4559" s="13"/>
      <c r="B4559" s="14"/>
      <c r="C4559" s="13"/>
      <c r="D4559" s="14"/>
      <c r="E4559" s="14"/>
      <c r="F4559" s="16"/>
      <c r="G4559" s="2"/>
      <c r="H4559" s="2"/>
      <c r="I4559" s="2"/>
      <c r="J4559" s="2"/>
      <c r="K4559" s="2"/>
      <c r="L4559" s="2"/>
    </row>
    <row r="4560" spans="1:12" s="17" customFormat="1" ht="27" customHeight="1" x14ac:dyDescent="0.15">
      <c r="A4560" s="13"/>
      <c r="B4560" s="14"/>
      <c r="C4560" s="13"/>
      <c r="D4560" s="14"/>
      <c r="E4560" s="14"/>
      <c r="F4560" s="16"/>
      <c r="G4560" s="2"/>
      <c r="H4560" s="2"/>
      <c r="I4560" s="2"/>
      <c r="J4560" s="2"/>
      <c r="K4560" s="2"/>
      <c r="L4560" s="2"/>
    </row>
    <row r="4561" spans="1:12" s="17" customFormat="1" ht="27" customHeight="1" x14ac:dyDescent="0.15">
      <c r="A4561" s="13"/>
      <c r="B4561" s="14"/>
      <c r="C4561" s="13"/>
      <c r="D4561" s="14"/>
      <c r="E4561" s="14"/>
      <c r="F4561" s="16"/>
      <c r="G4561" s="2"/>
      <c r="H4561" s="2"/>
      <c r="I4561" s="2"/>
      <c r="J4561" s="2"/>
      <c r="K4561" s="2"/>
      <c r="L4561" s="2"/>
    </row>
    <row r="4562" spans="1:12" s="17" customFormat="1" ht="27" customHeight="1" x14ac:dyDescent="0.15">
      <c r="A4562" s="13"/>
      <c r="B4562" s="14"/>
      <c r="C4562" s="13"/>
      <c r="D4562" s="14"/>
      <c r="E4562" s="14"/>
      <c r="F4562" s="16"/>
      <c r="G4562" s="2"/>
      <c r="H4562" s="2"/>
      <c r="I4562" s="2"/>
      <c r="J4562" s="2"/>
      <c r="K4562" s="2"/>
      <c r="L4562" s="2"/>
    </row>
    <row r="4563" spans="1:12" s="17" customFormat="1" ht="27" customHeight="1" x14ac:dyDescent="0.15">
      <c r="A4563" s="13"/>
      <c r="B4563" s="14"/>
      <c r="C4563" s="13"/>
      <c r="D4563" s="14"/>
      <c r="E4563" s="14"/>
      <c r="F4563" s="16"/>
      <c r="G4563" s="2"/>
      <c r="H4563" s="2"/>
      <c r="I4563" s="2"/>
      <c r="J4563" s="2"/>
      <c r="K4563" s="2"/>
      <c r="L4563" s="2"/>
    </row>
    <row r="4564" spans="1:12" s="17" customFormat="1" ht="27" customHeight="1" x14ac:dyDescent="0.15">
      <c r="A4564" s="13"/>
      <c r="B4564" s="14"/>
      <c r="C4564" s="13"/>
      <c r="D4564" s="14"/>
      <c r="E4564" s="14"/>
      <c r="F4564" s="16"/>
      <c r="G4564" s="2"/>
      <c r="H4564" s="2"/>
      <c r="I4564" s="2"/>
      <c r="J4564" s="2"/>
      <c r="K4564" s="2"/>
      <c r="L4564" s="2"/>
    </row>
    <row r="4565" spans="1:12" s="17" customFormat="1" ht="27" customHeight="1" x14ac:dyDescent="0.15">
      <c r="A4565" s="13"/>
      <c r="B4565" s="14"/>
      <c r="C4565" s="13"/>
      <c r="D4565" s="14"/>
      <c r="E4565" s="14"/>
      <c r="F4565" s="16"/>
      <c r="G4565" s="2"/>
      <c r="H4565" s="2"/>
      <c r="I4565" s="2"/>
      <c r="J4565" s="2"/>
      <c r="K4565" s="2"/>
      <c r="L4565" s="2"/>
    </row>
    <row r="4566" spans="1:12" s="17" customFormat="1" ht="27" customHeight="1" x14ac:dyDescent="0.15">
      <c r="A4566" s="13"/>
      <c r="B4566" s="14"/>
      <c r="C4566" s="13"/>
      <c r="D4566" s="14"/>
      <c r="E4566" s="14"/>
      <c r="F4566" s="16"/>
      <c r="G4566" s="2"/>
      <c r="H4566" s="2"/>
      <c r="I4566" s="2"/>
      <c r="J4566" s="2"/>
      <c r="K4566" s="2"/>
      <c r="L4566" s="2"/>
    </row>
    <row r="4567" spans="1:12" s="17" customFormat="1" ht="27" customHeight="1" x14ac:dyDescent="0.15">
      <c r="A4567" s="13"/>
      <c r="B4567" s="14"/>
      <c r="C4567" s="13"/>
      <c r="D4567" s="14"/>
      <c r="E4567" s="14"/>
      <c r="F4567" s="16"/>
      <c r="G4567" s="2"/>
      <c r="H4567" s="2"/>
      <c r="I4567" s="2"/>
      <c r="J4567" s="2"/>
      <c r="K4567" s="2"/>
      <c r="L4567" s="2"/>
    </row>
    <row r="4568" spans="1:12" s="17" customFormat="1" ht="27" customHeight="1" x14ac:dyDescent="0.15">
      <c r="A4568" s="13"/>
      <c r="B4568" s="14"/>
      <c r="C4568" s="13"/>
      <c r="D4568" s="14"/>
      <c r="E4568" s="14"/>
      <c r="F4568" s="16"/>
      <c r="G4568" s="2"/>
      <c r="H4568" s="2"/>
      <c r="I4568" s="2"/>
      <c r="J4568" s="2"/>
      <c r="K4568" s="2"/>
      <c r="L4568" s="2"/>
    </row>
    <row r="4569" spans="1:12" s="17" customFormat="1" ht="27" customHeight="1" x14ac:dyDescent="0.15">
      <c r="A4569" s="13"/>
      <c r="B4569" s="14"/>
      <c r="C4569" s="13"/>
      <c r="D4569" s="14"/>
      <c r="E4569" s="14"/>
      <c r="F4569" s="16"/>
      <c r="G4569" s="2"/>
      <c r="H4569" s="2"/>
      <c r="I4569" s="2"/>
      <c r="J4569" s="2"/>
      <c r="K4569" s="2"/>
      <c r="L4569" s="2"/>
    </row>
    <row r="4570" spans="1:12" s="17" customFormat="1" ht="27" customHeight="1" x14ac:dyDescent="0.15">
      <c r="A4570" s="13"/>
      <c r="B4570" s="14"/>
      <c r="C4570" s="13"/>
      <c r="D4570" s="14"/>
      <c r="E4570" s="14"/>
      <c r="F4570" s="16"/>
      <c r="G4570" s="2"/>
      <c r="H4570" s="2"/>
      <c r="I4570" s="2"/>
      <c r="J4570" s="2"/>
      <c r="K4570" s="2"/>
      <c r="L4570" s="2"/>
    </row>
    <row r="4571" spans="1:12" s="17" customFormat="1" ht="27" customHeight="1" x14ac:dyDescent="0.15">
      <c r="A4571" s="13"/>
      <c r="B4571" s="14"/>
      <c r="C4571" s="13"/>
      <c r="D4571" s="14"/>
      <c r="E4571" s="14"/>
      <c r="F4571" s="16"/>
      <c r="G4571" s="2"/>
      <c r="H4571" s="2"/>
      <c r="I4571" s="2"/>
      <c r="J4571" s="2"/>
      <c r="K4571" s="2"/>
      <c r="L4571" s="2"/>
    </row>
    <row r="4572" spans="1:12" s="17" customFormat="1" ht="27" customHeight="1" x14ac:dyDescent="0.15">
      <c r="A4572" s="13"/>
      <c r="B4572" s="14"/>
      <c r="C4572" s="13"/>
      <c r="D4572" s="14"/>
      <c r="E4572" s="14"/>
      <c r="F4572" s="16"/>
      <c r="G4572" s="2"/>
      <c r="H4572" s="2"/>
      <c r="I4572" s="2"/>
      <c r="J4572" s="2"/>
      <c r="K4572" s="2"/>
      <c r="L4572" s="2"/>
    </row>
    <row r="4573" spans="1:12" s="17" customFormat="1" ht="27" customHeight="1" x14ac:dyDescent="0.15">
      <c r="A4573" s="13"/>
      <c r="B4573" s="14"/>
      <c r="C4573" s="13"/>
      <c r="D4573" s="14"/>
      <c r="E4573" s="14"/>
      <c r="F4573" s="16"/>
      <c r="G4573" s="2"/>
      <c r="H4573" s="2"/>
      <c r="I4573" s="2"/>
      <c r="J4573" s="2"/>
      <c r="K4573" s="2"/>
      <c r="L4573" s="2"/>
    </row>
    <row r="4574" spans="1:12" s="17" customFormat="1" ht="27" customHeight="1" x14ac:dyDescent="0.15">
      <c r="A4574" s="13"/>
      <c r="B4574" s="14"/>
      <c r="C4574" s="13"/>
      <c r="D4574" s="14"/>
      <c r="E4574" s="14"/>
      <c r="F4574" s="16"/>
      <c r="G4574" s="2"/>
      <c r="H4574" s="2"/>
      <c r="I4574" s="2"/>
      <c r="J4574" s="2"/>
      <c r="K4574" s="2"/>
      <c r="L4574" s="2"/>
    </row>
    <row r="4575" spans="1:12" s="17" customFormat="1" ht="27" customHeight="1" x14ac:dyDescent="0.15">
      <c r="A4575" s="13"/>
      <c r="B4575" s="14"/>
      <c r="C4575" s="13"/>
      <c r="D4575" s="14"/>
      <c r="E4575" s="14"/>
      <c r="F4575" s="16"/>
      <c r="G4575" s="2"/>
      <c r="H4575" s="2"/>
      <c r="I4575" s="2"/>
      <c r="J4575" s="2"/>
      <c r="K4575" s="2"/>
      <c r="L4575" s="2"/>
    </row>
    <row r="4576" spans="1:12" s="17" customFormat="1" ht="27" customHeight="1" x14ac:dyDescent="0.15">
      <c r="A4576" s="13"/>
      <c r="B4576" s="14"/>
      <c r="C4576" s="13"/>
      <c r="D4576" s="14"/>
      <c r="E4576" s="14"/>
      <c r="F4576" s="16"/>
      <c r="G4576" s="2"/>
      <c r="H4576" s="2"/>
      <c r="I4576" s="2"/>
      <c r="J4576" s="2"/>
      <c r="K4576" s="2"/>
      <c r="L4576" s="2"/>
    </row>
    <row r="4577" spans="1:12" s="17" customFormat="1" ht="27" customHeight="1" x14ac:dyDescent="0.15">
      <c r="A4577" s="13"/>
      <c r="B4577" s="14"/>
      <c r="C4577" s="13"/>
      <c r="D4577" s="14"/>
      <c r="E4577" s="14"/>
      <c r="F4577" s="16"/>
      <c r="G4577" s="2"/>
      <c r="H4577" s="2"/>
      <c r="I4577" s="2"/>
      <c r="J4577" s="2"/>
      <c r="K4577" s="2"/>
      <c r="L4577" s="2"/>
    </row>
    <row r="4578" spans="1:12" s="17" customFormat="1" ht="27" customHeight="1" x14ac:dyDescent="0.15">
      <c r="A4578" s="13"/>
      <c r="B4578" s="14"/>
      <c r="C4578" s="13"/>
      <c r="D4578" s="14"/>
      <c r="E4578" s="14"/>
      <c r="F4578" s="16"/>
      <c r="G4578" s="2"/>
      <c r="H4578" s="2"/>
      <c r="I4578" s="2"/>
      <c r="J4578" s="2"/>
      <c r="K4578" s="2"/>
      <c r="L4578" s="2"/>
    </row>
    <row r="4579" spans="1:12" s="17" customFormat="1" ht="27" customHeight="1" x14ac:dyDescent="0.15">
      <c r="A4579" s="13"/>
      <c r="B4579" s="14"/>
      <c r="C4579" s="13"/>
      <c r="D4579" s="14"/>
      <c r="E4579" s="14"/>
      <c r="F4579" s="16"/>
      <c r="G4579" s="2"/>
      <c r="H4579" s="2"/>
      <c r="I4579" s="2"/>
      <c r="J4579" s="2"/>
      <c r="K4579" s="2"/>
      <c r="L4579" s="2"/>
    </row>
    <row r="4580" spans="1:12" s="17" customFormat="1" ht="27" customHeight="1" x14ac:dyDescent="0.15">
      <c r="A4580" s="13"/>
      <c r="B4580" s="14"/>
      <c r="C4580" s="13"/>
      <c r="D4580" s="14"/>
      <c r="E4580" s="14"/>
      <c r="F4580" s="16"/>
      <c r="G4580" s="2"/>
      <c r="H4580" s="2"/>
      <c r="I4580" s="2"/>
      <c r="J4580" s="2"/>
      <c r="K4580" s="2"/>
      <c r="L4580" s="2"/>
    </row>
    <row r="4581" spans="1:12" s="17" customFormat="1" ht="27" customHeight="1" x14ac:dyDescent="0.15">
      <c r="A4581" s="13"/>
      <c r="B4581" s="14"/>
      <c r="C4581" s="13"/>
      <c r="D4581" s="14"/>
      <c r="E4581" s="14"/>
      <c r="F4581" s="16"/>
      <c r="G4581" s="2"/>
      <c r="H4581" s="2"/>
      <c r="I4581" s="2"/>
      <c r="J4581" s="2"/>
      <c r="K4581" s="2"/>
      <c r="L4581" s="2"/>
    </row>
    <row r="4582" spans="1:12" s="17" customFormat="1" ht="27" customHeight="1" x14ac:dyDescent="0.15">
      <c r="A4582" s="13"/>
      <c r="B4582" s="14"/>
      <c r="C4582" s="13"/>
      <c r="D4582" s="14"/>
      <c r="E4582" s="14"/>
      <c r="F4582" s="16"/>
      <c r="G4582" s="2"/>
      <c r="H4582" s="2"/>
      <c r="I4582" s="2"/>
      <c r="J4582" s="2"/>
      <c r="K4582" s="2"/>
      <c r="L4582" s="2"/>
    </row>
    <row r="4583" spans="1:12" s="17" customFormat="1" ht="27" customHeight="1" x14ac:dyDescent="0.15">
      <c r="A4583" s="13"/>
      <c r="B4583" s="14"/>
      <c r="C4583" s="13"/>
      <c r="D4583" s="14"/>
      <c r="E4583" s="14"/>
      <c r="F4583" s="16"/>
      <c r="G4583" s="2"/>
      <c r="H4583" s="2"/>
      <c r="I4583" s="2"/>
      <c r="J4583" s="2"/>
      <c r="K4583" s="2"/>
      <c r="L4583" s="2"/>
    </row>
    <row r="4584" spans="1:12" s="17" customFormat="1" ht="27" customHeight="1" x14ac:dyDescent="0.15">
      <c r="A4584" s="13"/>
      <c r="B4584" s="14"/>
      <c r="C4584" s="13"/>
      <c r="D4584" s="14"/>
      <c r="E4584" s="14"/>
      <c r="F4584" s="16"/>
      <c r="G4584" s="2"/>
      <c r="H4584" s="2"/>
      <c r="I4584" s="2"/>
      <c r="J4584" s="2"/>
      <c r="K4584" s="2"/>
      <c r="L4584" s="2"/>
    </row>
    <row r="4585" spans="1:12" s="17" customFormat="1" ht="27" customHeight="1" x14ac:dyDescent="0.15">
      <c r="A4585" s="13"/>
      <c r="B4585" s="14"/>
      <c r="C4585" s="13"/>
      <c r="D4585" s="14"/>
      <c r="E4585" s="14"/>
      <c r="F4585" s="16"/>
      <c r="G4585" s="2"/>
      <c r="H4585" s="2"/>
      <c r="I4585" s="2"/>
      <c r="J4585" s="2"/>
      <c r="K4585" s="2"/>
      <c r="L4585" s="2"/>
    </row>
    <row r="4586" spans="1:12" s="17" customFormat="1" ht="27" customHeight="1" x14ac:dyDescent="0.15">
      <c r="A4586" s="13"/>
      <c r="B4586" s="14"/>
      <c r="C4586" s="13"/>
      <c r="D4586" s="14"/>
      <c r="E4586" s="14"/>
      <c r="F4586" s="16"/>
      <c r="G4586" s="2"/>
      <c r="H4586" s="2"/>
      <c r="I4586" s="2"/>
      <c r="J4586" s="2"/>
      <c r="K4586" s="2"/>
      <c r="L4586" s="2"/>
    </row>
    <row r="4587" spans="1:12" s="17" customFormat="1" ht="27" customHeight="1" x14ac:dyDescent="0.15">
      <c r="A4587" s="13"/>
      <c r="B4587" s="14"/>
      <c r="C4587" s="13"/>
      <c r="D4587" s="14"/>
      <c r="E4587" s="14"/>
      <c r="F4587" s="16"/>
      <c r="G4587" s="2"/>
      <c r="H4587" s="2"/>
      <c r="I4587" s="2"/>
      <c r="J4587" s="2"/>
      <c r="K4587" s="2"/>
      <c r="L4587" s="2"/>
    </row>
    <row r="4588" spans="1:12" s="17" customFormat="1" ht="27" customHeight="1" x14ac:dyDescent="0.15">
      <c r="A4588" s="13"/>
      <c r="B4588" s="14"/>
      <c r="C4588" s="13"/>
      <c r="D4588" s="14"/>
      <c r="E4588" s="14"/>
      <c r="F4588" s="16"/>
      <c r="G4588" s="2"/>
      <c r="H4588" s="2"/>
      <c r="I4588" s="2"/>
      <c r="J4588" s="2"/>
      <c r="K4588" s="2"/>
      <c r="L4588" s="2"/>
    </row>
    <row r="4589" spans="1:12" s="17" customFormat="1" ht="27" customHeight="1" x14ac:dyDescent="0.15">
      <c r="A4589" s="13"/>
      <c r="B4589" s="14"/>
      <c r="C4589" s="13"/>
      <c r="D4589" s="14"/>
      <c r="E4589" s="14"/>
      <c r="F4589" s="16"/>
      <c r="G4589" s="2"/>
      <c r="H4589" s="2"/>
      <c r="I4589" s="2"/>
      <c r="J4589" s="2"/>
      <c r="K4589" s="2"/>
      <c r="L4589" s="2"/>
    </row>
    <row r="4590" spans="1:12" s="17" customFormat="1" ht="27" customHeight="1" x14ac:dyDescent="0.15">
      <c r="A4590" s="13"/>
      <c r="B4590" s="14"/>
      <c r="C4590" s="13"/>
      <c r="D4590" s="14"/>
      <c r="E4590" s="14"/>
      <c r="F4590" s="16"/>
      <c r="G4590" s="2"/>
      <c r="H4590" s="2"/>
      <c r="I4590" s="2"/>
      <c r="J4590" s="2"/>
      <c r="K4590" s="2"/>
      <c r="L4590" s="2"/>
    </row>
    <row r="4591" spans="1:12" s="17" customFormat="1" ht="27" customHeight="1" x14ac:dyDescent="0.15">
      <c r="A4591" s="13"/>
      <c r="B4591" s="14"/>
      <c r="C4591" s="13"/>
      <c r="D4591" s="14"/>
      <c r="E4591" s="14"/>
      <c r="F4591" s="16"/>
      <c r="G4591" s="2"/>
      <c r="H4591" s="2"/>
      <c r="I4591" s="2"/>
      <c r="J4591" s="2"/>
      <c r="K4591" s="2"/>
      <c r="L4591" s="2"/>
    </row>
    <row r="4592" spans="1:12" s="17" customFormat="1" ht="27" customHeight="1" x14ac:dyDescent="0.15">
      <c r="A4592" s="13"/>
      <c r="B4592" s="14"/>
      <c r="C4592" s="13"/>
      <c r="D4592" s="14"/>
      <c r="E4592" s="14"/>
      <c r="F4592" s="16"/>
      <c r="G4592" s="2"/>
      <c r="H4592" s="2"/>
      <c r="I4592" s="2"/>
      <c r="J4592" s="2"/>
      <c r="K4592" s="2"/>
      <c r="L4592" s="2"/>
    </row>
    <row r="4593" spans="1:12" s="17" customFormat="1" ht="27" customHeight="1" x14ac:dyDescent="0.15">
      <c r="A4593" s="13"/>
      <c r="B4593" s="14"/>
      <c r="C4593" s="13"/>
      <c r="D4593" s="14"/>
      <c r="E4593" s="14"/>
      <c r="F4593" s="16"/>
      <c r="G4593" s="2"/>
      <c r="H4593" s="2"/>
      <c r="I4593" s="2"/>
      <c r="J4593" s="2"/>
      <c r="K4593" s="2"/>
      <c r="L4593" s="2"/>
    </row>
    <row r="4594" spans="1:12" s="17" customFormat="1" ht="27" customHeight="1" x14ac:dyDescent="0.15">
      <c r="A4594" s="13"/>
      <c r="B4594" s="14"/>
      <c r="C4594" s="13"/>
      <c r="D4594" s="14"/>
      <c r="E4594" s="14"/>
      <c r="F4594" s="16"/>
      <c r="G4594" s="2"/>
      <c r="H4594" s="2"/>
      <c r="I4594" s="2"/>
      <c r="J4594" s="2"/>
      <c r="K4594" s="2"/>
      <c r="L4594" s="2"/>
    </row>
    <row r="4595" spans="1:12" s="17" customFormat="1" ht="27" customHeight="1" x14ac:dyDescent="0.15">
      <c r="A4595" s="13"/>
      <c r="B4595" s="14"/>
      <c r="C4595" s="13"/>
      <c r="D4595" s="14"/>
      <c r="E4595" s="14"/>
      <c r="F4595" s="16"/>
      <c r="G4595" s="2"/>
      <c r="H4595" s="2"/>
      <c r="I4595" s="2"/>
      <c r="J4595" s="2"/>
      <c r="K4595" s="2"/>
      <c r="L4595" s="2"/>
    </row>
    <row r="4596" spans="1:12" s="17" customFormat="1" ht="27" customHeight="1" x14ac:dyDescent="0.15">
      <c r="A4596" s="13"/>
      <c r="B4596" s="14"/>
      <c r="C4596" s="13"/>
      <c r="D4596" s="14"/>
      <c r="E4596" s="14"/>
      <c r="F4596" s="16"/>
      <c r="G4596" s="2"/>
      <c r="H4596" s="2"/>
      <c r="I4596" s="2"/>
      <c r="J4596" s="2"/>
      <c r="K4596" s="2"/>
      <c r="L4596" s="2"/>
    </row>
    <row r="4597" spans="1:12" s="17" customFormat="1" ht="27" customHeight="1" x14ac:dyDescent="0.15">
      <c r="A4597" s="13"/>
      <c r="B4597" s="14"/>
      <c r="C4597" s="13"/>
      <c r="D4597" s="14"/>
      <c r="E4597" s="14"/>
      <c r="F4597" s="16"/>
      <c r="G4597" s="2"/>
      <c r="H4597" s="2"/>
      <c r="I4597" s="2"/>
      <c r="J4597" s="2"/>
      <c r="K4597" s="2"/>
      <c r="L4597" s="2"/>
    </row>
    <row r="4598" spans="1:12" s="17" customFormat="1" ht="27" customHeight="1" x14ac:dyDescent="0.15">
      <c r="A4598" s="13"/>
      <c r="B4598" s="14"/>
      <c r="C4598" s="13"/>
      <c r="D4598" s="14"/>
      <c r="E4598" s="14"/>
      <c r="F4598" s="16"/>
      <c r="G4598" s="2"/>
      <c r="H4598" s="2"/>
      <c r="I4598" s="2"/>
      <c r="J4598" s="2"/>
      <c r="K4598" s="2"/>
      <c r="L4598" s="2"/>
    </row>
    <row r="4599" spans="1:12" s="17" customFormat="1" ht="27" customHeight="1" x14ac:dyDescent="0.15">
      <c r="A4599" s="13"/>
      <c r="B4599" s="14"/>
      <c r="C4599" s="13"/>
      <c r="D4599" s="14"/>
      <c r="E4599" s="14"/>
      <c r="F4599" s="16"/>
      <c r="G4599" s="2"/>
      <c r="H4599" s="2"/>
      <c r="I4599" s="2"/>
      <c r="J4599" s="2"/>
      <c r="K4599" s="2"/>
      <c r="L4599" s="2"/>
    </row>
    <row r="4600" spans="1:12" s="17" customFormat="1" ht="27" customHeight="1" x14ac:dyDescent="0.15">
      <c r="A4600" s="13"/>
      <c r="B4600" s="14"/>
      <c r="C4600" s="13"/>
      <c r="D4600" s="14"/>
      <c r="E4600" s="14"/>
      <c r="F4600" s="16"/>
      <c r="G4600" s="2"/>
      <c r="H4600" s="2"/>
      <c r="I4600" s="2"/>
      <c r="J4600" s="2"/>
      <c r="K4600" s="2"/>
      <c r="L4600" s="2"/>
    </row>
    <row r="4601" spans="1:12" s="17" customFormat="1" ht="27" customHeight="1" x14ac:dyDescent="0.15">
      <c r="A4601" s="13"/>
      <c r="B4601" s="14"/>
      <c r="C4601" s="13"/>
      <c r="D4601" s="14"/>
      <c r="E4601" s="14"/>
      <c r="F4601" s="16"/>
      <c r="G4601" s="2"/>
      <c r="H4601" s="2"/>
      <c r="I4601" s="2"/>
      <c r="J4601" s="2"/>
      <c r="K4601" s="2"/>
      <c r="L4601" s="2"/>
    </row>
    <row r="4602" spans="1:12" s="17" customFormat="1" ht="27" customHeight="1" x14ac:dyDescent="0.15">
      <c r="A4602" s="13"/>
      <c r="B4602" s="14"/>
      <c r="C4602" s="13"/>
      <c r="D4602" s="14"/>
      <c r="E4602" s="14"/>
      <c r="F4602" s="16"/>
      <c r="G4602" s="2"/>
      <c r="H4602" s="2"/>
      <c r="I4602" s="2"/>
      <c r="J4602" s="2"/>
      <c r="K4602" s="2"/>
      <c r="L4602" s="2"/>
    </row>
    <row r="4603" spans="1:12" s="17" customFormat="1" ht="27" customHeight="1" x14ac:dyDescent="0.15">
      <c r="A4603" s="13"/>
      <c r="B4603" s="14"/>
      <c r="C4603" s="13"/>
      <c r="D4603" s="14"/>
      <c r="E4603" s="14"/>
      <c r="F4603" s="16"/>
      <c r="G4603" s="2"/>
      <c r="H4603" s="2"/>
      <c r="I4603" s="2"/>
      <c r="J4603" s="2"/>
      <c r="K4603" s="2"/>
      <c r="L4603" s="2"/>
    </row>
    <row r="4604" spans="1:12" s="17" customFormat="1" ht="27" customHeight="1" x14ac:dyDescent="0.15">
      <c r="A4604" s="13"/>
      <c r="B4604" s="14"/>
      <c r="C4604" s="13"/>
      <c r="D4604" s="14"/>
      <c r="E4604" s="14"/>
      <c r="F4604" s="16"/>
      <c r="G4604" s="2"/>
      <c r="H4604" s="2"/>
      <c r="I4604" s="2"/>
      <c r="J4604" s="2"/>
      <c r="K4604" s="2"/>
      <c r="L4604" s="2"/>
    </row>
    <row r="4605" spans="1:12" s="17" customFormat="1" ht="27" customHeight="1" x14ac:dyDescent="0.15">
      <c r="A4605" s="13"/>
      <c r="B4605" s="14"/>
      <c r="C4605" s="13"/>
      <c r="D4605" s="14"/>
      <c r="E4605" s="14"/>
      <c r="F4605" s="16"/>
      <c r="G4605" s="2"/>
      <c r="H4605" s="2"/>
      <c r="I4605" s="2"/>
      <c r="J4605" s="2"/>
      <c r="K4605" s="2"/>
      <c r="L4605" s="2"/>
    </row>
    <row r="4606" spans="1:12" s="17" customFormat="1" ht="27" customHeight="1" x14ac:dyDescent="0.15">
      <c r="A4606" s="13"/>
      <c r="B4606" s="14"/>
      <c r="C4606" s="13"/>
      <c r="D4606" s="14"/>
      <c r="E4606" s="14"/>
      <c r="F4606" s="16"/>
      <c r="G4606" s="2"/>
      <c r="H4606" s="2"/>
      <c r="I4606" s="2"/>
      <c r="J4606" s="2"/>
      <c r="K4606" s="2"/>
      <c r="L4606" s="2"/>
    </row>
    <row r="4607" spans="1:12" s="17" customFormat="1" ht="27" customHeight="1" x14ac:dyDescent="0.15">
      <c r="A4607" s="13"/>
      <c r="B4607" s="14"/>
      <c r="C4607" s="13"/>
      <c r="D4607" s="14"/>
      <c r="E4607" s="14"/>
      <c r="F4607" s="16"/>
      <c r="G4607" s="2"/>
      <c r="H4607" s="2"/>
      <c r="I4607" s="2"/>
      <c r="J4607" s="2"/>
      <c r="K4607" s="2"/>
      <c r="L4607" s="2"/>
    </row>
    <row r="4608" spans="1:12" s="17" customFormat="1" ht="27" customHeight="1" x14ac:dyDescent="0.15">
      <c r="A4608" s="13"/>
      <c r="B4608" s="14"/>
      <c r="C4608" s="13"/>
      <c r="D4608" s="14"/>
      <c r="E4608" s="14"/>
      <c r="F4608" s="16"/>
      <c r="G4608" s="2"/>
      <c r="H4608" s="2"/>
      <c r="I4608" s="2"/>
      <c r="J4608" s="2"/>
      <c r="K4608" s="2"/>
      <c r="L4608" s="2"/>
    </row>
    <row r="4609" spans="1:12" s="17" customFormat="1" ht="27" customHeight="1" x14ac:dyDescent="0.15">
      <c r="A4609" s="13"/>
      <c r="B4609" s="14"/>
      <c r="C4609" s="13"/>
      <c r="D4609" s="14"/>
      <c r="E4609" s="14"/>
      <c r="F4609" s="16"/>
      <c r="G4609" s="2"/>
      <c r="H4609" s="2"/>
      <c r="I4609" s="2"/>
      <c r="J4609" s="2"/>
      <c r="K4609" s="2"/>
      <c r="L4609" s="2"/>
    </row>
    <row r="4610" spans="1:12" s="17" customFormat="1" ht="27" customHeight="1" x14ac:dyDescent="0.15">
      <c r="A4610" s="13"/>
      <c r="B4610" s="14"/>
      <c r="C4610" s="13"/>
      <c r="D4610" s="14"/>
      <c r="E4610" s="14"/>
      <c r="F4610" s="16"/>
      <c r="G4610" s="2"/>
      <c r="H4610" s="2"/>
      <c r="I4610" s="2"/>
      <c r="J4610" s="2"/>
      <c r="K4610" s="2"/>
      <c r="L4610" s="2"/>
    </row>
    <row r="4611" spans="1:12" s="17" customFormat="1" ht="27" customHeight="1" x14ac:dyDescent="0.15">
      <c r="A4611" s="13"/>
      <c r="B4611" s="14"/>
      <c r="C4611" s="13"/>
      <c r="D4611" s="14"/>
      <c r="E4611" s="14"/>
      <c r="F4611" s="16"/>
      <c r="G4611" s="2"/>
      <c r="H4611" s="2"/>
      <c r="I4611" s="2"/>
      <c r="J4611" s="2"/>
      <c r="K4611" s="2"/>
      <c r="L4611" s="2"/>
    </row>
    <row r="4612" spans="1:12" s="17" customFormat="1" ht="27" customHeight="1" x14ac:dyDescent="0.15">
      <c r="A4612" s="13"/>
      <c r="B4612" s="14"/>
      <c r="C4612" s="13"/>
      <c r="D4612" s="14"/>
      <c r="E4612" s="14"/>
      <c r="F4612" s="16"/>
      <c r="G4612" s="2"/>
      <c r="H4612" s="2"/>
      <c r="I4612" s="2"/>
      <c r="J4612" s="2"/>
      <c r="K4612" s="2"/>
      <c r="L4612" s="2"/>
    </row>
    <row r="4613" spans="1:12" s="17" customFormat="1" ht="27" customHeight="1" x14ac:dyDescent="0.15">
      <c r="A4613" s="13"/>
      <c r="B4613" s="14"/>
      <c r="C4613" s="13"/>
      <c r="D4613" s="14"/>
      <c r="E4613" s="14"/>
      <c r="F4613" s="16"/>
      <c r="G4613" s="2"/>
      <c r="H4613" s="2"/>
      <c r="I4613" s="2"/>
      <c r="J4613" s="2"/>
      <c r="K4613" s="2"/>
      <c r="L4613" s="2"/>
    </row>
    <row r="4614" spans="1:12" s="17" customFormat="1" ht="27" customHeight="1" x14ac:dyDescent="0.15">
      <c r="A4614" s="13"/>
      <c r="B4614" s="14"/>
      <c r="C4614" s="13"/>
      <c r="D4614" s="14"/>
      <c r="E4614" s="14"/>
      <c r="F4614" s="16"/>
      <c r="G4614" s="2"/>
      <c r="H4614" s="2"/>
      <c r="I4614" s="2"/>
      <c r="J4614" s="2"/>
      <c r="K4614" s="2"/>
      <c r="L4614" s="2"/>
    </row>
    <row r="4615" spans="1:12" s="17" customFormat="1" ht="27" customHeight="1" x14ac:dyDescent="0.15">
      <c r="A4615" s="13"/>
      <c r="B4615" s="14"/>
      <c r="C4615" s="13"/>
      <c r="D4615" s="14"/>
      <c r="E4615" s="14"/>
      <c r="F4615" s="16"/>
      <c r="G4615" s="2"/>
      <c r="H4615" s="2"/>
      <c r="I4615" s="2"/>
      <c r="J4615" s="2"/>
      <c r="K4615" s="2"/>
      <c r="L4615" s="2"/>
    </row>
    <row r="4616" spans="1:12" s="17" customFormat="1" ht="27" customHeight="1" x14ac:dyDescent="0.15">
      <c r="A4616" s="13"/>
      <c r="B4616" s="14"/>
      <c r="C4616" s="13"/>
      <c r="D4616" s="14"/>
      <c r="E4616" s="14"/>
      <c r="F4616" s="16"/>
      <c r="G4616" s="2"/>
      <c r="H4616" s="2"/>
      <c r="I4616" s="2"/>
      <c r="J4616" s="2"/>
      <c r="K4616" s="2"/>
      <c r="L4616" s="2"/>
    </row>
    <row r="4617" spans="1:12" s="17" customFormat="1" ht="27" customHeight="1" x14ac:dyDescent="0.15">
      <c r="A4617" s="13"/>
      <c r="B4617" s="14"/>
      <c r="C4617" s="13"/>
      <c r="D4617" s="14"/>
      <c r="E4617" s="14"/>
      <c r="F4617" s="16"/>
      <c r="G4617" s="2"/>
      <c r="H4617" s="2"/>
      <c r="I4617" s="2"/>
      <c r="J4617" s="2"/>
      <c r="K4617" s="2"/>
      <c r="L4617" s="2"/>
    </row>
    <row r="4618" spans="1:12" s="17" customFormat="1" ht="27" customHeight="1" x14ac:dyDescent="0.15">
      <c r="A4618" s="13"/>
      <c r="B4618" s="14"/>
      <c r="C4618" s="13"/>
      <c r="D4618" s="14"/>
      <c r="E4618" s="14"/>
      <c r="F4618" s="16"/>
      <c r="G4618" s="2"/>
      <c r="H4618" s="2"/>
      <c r="I4618" s="2"/>
      <c r="J4618" s="2"/>
      <c r="K4618" s="2"/>
      <c r="L4618" s="2"/>
    </row>
    <row r="4619" spans="1:12" s="17" customFormat="1" ht="27" customHeight="1" x14ac:dyDescent="0.15">
      <c r="A4619" s="13"/>
      <c r="B4619" s="14"/>
      <c r="C4619" s="13"/>
      <c r="D4619" s="14"/>
      <c r="E4619" s="14"/>
      <c r="F4619" s="16"/>
      <c r="G4619" s="2"/>
      <c r="H4619" s="2"/>
      <c r="I4619" s="2"/>
      <c r="J4619" s="2"/>
      <c r="K4619" s="2"/>
      <c r="L4619" s="2"/>
    </row>
    <row r="4620" spans="1:12" s="17" customFormat="1" ht="27" customHeight="1" x14ac:dyDescent="0.15">
      <c r="A4620" s="13"/>
      <c r="B4620" s="14"/>
      <c r="C4620" s="13"/>
      <c r="D4620" s="14"/>
      <c r="E4620" s="14"/>
      <c r="F4620" s="16"/>
      <c r="G4620" s="2"/>
      <c r="H4620" s="2"/>
      <c r="I4620" s="2"/>
      <c r="J4620" s="2"/>
      <c r="K4620" s="2"/>
      <c r="L4620" s="2"/>
    </row>
    <row r="4621" spans="1:12" s="17" customFormat="1" ht="27" customHeight="1" x14ac:dyDescent="0.15">
      <c r="A4621" s="13"/>
      <c r="B4621" s="14"/>
      <c r="C4621" s="13"/>
      <c r="D4621" s="14"/>
      <c r="E4621" s="14"/>
      <c r="F4621" s="16"/>
      <c r="G4621" s="2"/>
      <c r="H4621" s="2"/>
      <c r="I4621" s="2"/>
      <c r="J4621" s="2"/>
      <c r="K4621" s="2"/>
      <c r="L4621" s="2"/>
    </row>
    <row r="4622" spans="1:12" s="17" customFormat="1" ht="27" customHeight="1" x14ac:dyDescent="0.15">
      <c r="A4622" s="13"/>
      <c r="B4622" s="14"/>
      <c r="C4622" s="13"/>
      <c r="D4622" s="14"/>
      <c r="E4622" s="14"/>
      <c r="F4622" s="16"/>
      <c r="G4622" s="2"/>
      <c r="H4622" s="2"/>
      <c r="I4622" s="2"/>
      <c r="J4622" s="2"/>
      <c r="K4622" s="2"/>
      <c r="L4622" s="2"/>
    </row>
    <row r="4623" spans="1:12" s="17" customFormat="1" ht="27" customHeight="1" x14ac:dyDescent="0.15">
      <c r="A4623" s="13"/>
      <c r="B4623" s="14"/>
      <c r="C4623" s="13"/>
      <c r="D4623" s="14"/>
      <c r="E4623" s="14"/>
      <c r="F4623" s="16"/>
      <c r="G4623" s="2"/>
      <c r="H4623" s="2"/>
      <c r="I4623" s="2"/>
      <c r="J4623" s="2"/>
      <c r="K4623" s="2"/>
      <c r="L4623" s="2"/>
    </row>
    <row r="4624" spans="1:12" s="17" customFormat="1" ht="27" customHeight="1" x14ac:dyDescent="0.15">
      <c r="A4624" s="13"/>
      <c r="B4624" s="14"/>
      <c r="C4624" s="13"/>
      <c r="D4624" s="14"/>
      <c r="E4624" s="14"/>
      <c r="F4624" s="16"/>
      <c r="G4624" s="2"/>
      <c r="H4624" s="2"/>
      <c r="I4624" s="2"/>
      <c r="J4624" s="2"/>
      <c r="K4624" s="2"/>
      <c r="L4624" s="2"/>
    </row>
    <row r="4625" spans="1:12" s="17" customFormat="1" ht="27" customHeight="1" x14ac:dyDescent="0.15">
      <c r="A4625" s="13"/>
      <c r="B4625" s="14"/>
      <c r="C4625" s="13"/>
      <c r="D4625" s="14"/>
      <c r="E4625" s="14"/>
      <c r="F4625" s="16"/>
      <c r="G4625" s="2"/>
      <c r="H4625" s="2"/>
      <c r="I4625" s="2"/>
      <c r="J4625" s="2"/>
      <c r="K4625" s="2"/>
      <c r="L4625" s="2"/>
    </row>
    <row r="4626" spans="1:12" s="17" customFormat="1" ht="27" customHeight="1" x14ac:dyDescent="0.15">
      <c r="A4626" s="13"/>
      <c r="B4626" s="14"/>
      <c r="C4626" s="13"/>
      <c r="D4626" s="14"/>
      <c r="E4626" s="14"/>
      <c r="F4626" s="16"/>
      <c r="G4626" s="2"/>
      <c r="H4626" s="2"/>
      <c r="I4626" s="2"/>
      <c r="J4626" s="2"/>
      <c r="K4626" s="2"/>
      <c r="L4626" s="2"/>
    </row>
    <row r="4627" spans="1:12" s="17" customFormat="1" ht="27" customHeight="1" x14ac:dyDescent="0.15">
      <c r="A4627" s="13"/>
      <c r="B4627" s="14"/>
      <c r="C4627" s="13"/>
      <c r="D4627" s="14"/>
      <c r="E4627" s="14"/>
      <c r="F4627" s="16"/>
      <c r="G4627" s="2"/>
      <c r="H4627" s="2"/>
      <c r="I4627" s="2"/>
      <c r="J4627" s="2"/>
      <c r="K4627" s="2"/>
      <c r="L4627" s="2"/>
    </row>
    <row r="4628" spans="1:12" s="17" customFormat="1" ht="27" customHeight="1" x14ac:dyDescent="0.15">
      <c r="A4628" s="13"/>
      <c r="B4628" s="14"/>
      <c r="C4628" s="13"/>
      <c r="D4628" s="14"/>
      <c r="E4628" s="14"/>
      <c r="F4628" s="16"/>
      <c r="G4628" s="2"/>
      <c r="H4628" s="2"/>
      <c r="I4628" s="2"/>
      <c r="J4628" s="2"/>
      <c r="K4628" s="2"/>
      <c r="L4628" s="2"/>
    </row>
    <row r="4629" spans="1:12" s="17" customFormat="1" ht="27" customHeight="1" x14ac:dyDescent="0.15">
      <c r="A4629" s="13"/>
      <c r="B4629" s="14"/>
      <c r="C4629" s="13"/>
      <c r="D4629" s="14"/>
      <c r="E4629" s="14"/>
      <c r="F4629" s="16"/>
      <c r="G4629" s="2"/>
      <c r="H4629" s="2"/>
      <c r="I4629" s="2"/>
      <c r="J4629" s="2"/>
      <c r="K4629" s="2"/>
      <c r="L4629" s="2"/>
    </row>
    <row r="4630" spans="1:12" s="17" customFormat="1" ht="27" customHeight="1" x14ac:dyDescent="0.15">
      <c r="A4630" s="13"/>
      <c r="B4630" s="14"/>
      <c r="C4630" s="13"/>
      <c r="D4630" s="14"/>
      <c r="E4630" s="14"/>
      <c r="F4630" s="16"/>
      <c r="G4630" s="2"/>
      <c r="H4630" s="2"/>
      <c r="I4630" s="2"/>
      <c r="J4630" s="2"/>
      <c r="K4630" s="2"/>
      <c r="L4630" s="2"/>
    </row>
    <row r="4631" spans="1:12" s="17" customFormat="1" ht="27" customHeight="1" x14ac:dyDescent="0.15">
      <c r="A4631" s="13"/>
      <c r="B4631" s="14"/>
      <c r="C4631" s="13"/>
      <c r="D4631" s="14"/>
      <c r="E4631" s="14"/>
      <c r="F4631" s="16"/>
      <c r="G4631" s="2"/>
      <c r="H4631" s="2"/>
      <c r="I4631" s="2"/>
      <c r="J4631" s="2"/>
      <c r="K4631" s="2"/>
      <c r="L4631" s="2"/>
    </row>
    <row r="4632" spans="1:12" s="17" customFormat="1" ht="27" customHeight="1" x14ac:dyDescent="0.15">
      <c r="A4632" s="13"/>
      <c r="B4632" s="14"/>
      <c r="C4632" s="13"/>
      <c r="D4632" s="14"/>
      <c r="E4632" s="14"/>
      <c r="F4632" s="16"/>
      <c r="G4632" s="2"/>
      <c r="H4632" s="2"/>
      <c r="I4632" s="2"/>
      <c r="J4632" s="2"/>
      <c r="K4632" s="2"/>
      <c r="L4632" s="2"/>
    </row>
    <row r="4633" spans="1:12" s="17" customFormat="1" ht="27" customHeight="1" x14ac:dyDescent="0.15">
      <c r="A4633" s="13"/>
      <c r="B4633" s="14"/>
      <c r="C4633" s="13"/>
      <c r="D4633" s="14"/>
      <c r="E4633" s="14"/>
      <c r="F4633" s="16"/>
      <c r="G4633" s="2"/>
      <c r="H4633" s="2"/>
      <c r="I4633" s="2"/>
      <c r="J4633" s="2"/>
      <c r="K4633" s="2"/>
      <c r="L4633" s="2"/>
    </row>
    <row r="4634" spans="1:12" s="17" customFormat="1" ht="27" customHeight="1" x14ac:dyDescent="0.15">
      <c r="A4634" s="13"/>
      <c r="B4634" s="14"/>
      <c r="C4634" s="13"/>
      <c r="D4634" s="14"/>
      <c r="E4634" s="14"/>
      <c r="F4634" s="16"/>
      <c r="G4634" s="2"/>
      <c r="H4634" s="2"/>
      <c r="I4634" s="2"/>
      <c r="J4634" s="2"/>
      <c r="K4634" s="2"/>
      <c r="L4634" s="2"/>
    </row>
    <row r="4635" spans="1:12" s="17" customFormat="1" ht="27" customHeight="1" x14ac:dyDescent="0.15">
      <c r="A4635" s="13"/>
      <c r="B4635" s="14"/>
      <c r="C4635" s="13"/>
      <c r="D4635" s="14"/>
      <c r="E4635" s="14"/>
      <c r="F4635" s="16"/>
      <c r="G4635" s="2"/>
      <c r="H4635" s="2"/>
      <c r="I4635" s="2"/>
      <c r="J4635" s="2"/>
      <c r="K4635" s="2"/>
      <c r="L4635" s="2"/>
    </row>
    <row r="4636" spans="1:12" s="17" customFormat="1" ht="27" customHeight="1" x14ac:dyDescent="0.15">
      <c r="A4636" s="13"/>
      <c r="B4636" s="14"/>
      <c r="C4636" s="13"/>
      <c r="D4636" s="14"/>
      <c r="E4636" s="14"/>
      <c r="F4636" s="16"/>
      <c r="G4636" s="2"/>
      <c r="H4636" s="2"/>
      <c r="I4636" s="2"/>
      <c r="J4636" s="2"/>
      <c r="K4636" s="2"/>
      <c r="L4636" s="2"/>
    </row>
    <row r="4637" spans="1:12" s="17" customFormat="1" ht="27" customHeight="1" x14ac:dyDescent="0.15">
      <c r="A4637" s="13"/>
      <c r="B4637" s="14"/>
      <c r="C4637" s="13"/>
      <c r="D4637" s="14"/>
      <c r="E4637" s="14"/>
      <c r="F4637" s="16"/>
      <c r="G4637" s="2"/>
      <c r="H4637" s="2"/>
      <c r="I4637" s="2"/>
      <c r="J4637" s="2"/>
      <c r="K4637" s="2"/>
      <c r="L4637" s="2"/>
    </row>
    <row r="4638" spans="1:12" s="17" customFormat="1" ht="27" customHeight="1" x14ac:dyDescent="0.15">
      <c r="A4638" s="13"/>
      <c r="B4638" s="14"/>
      <c r="C4638" s="13"/>
      <c r="D4638" s="14"/>
      <c r="E4638" s="14"/>
      <c r="F4638" s="16"/>
      <c r="G4638" s="2"/>
      <c r="H4638" s="2"/>
      <c r="I4638" s="2"/>
      <c r="J4638" s="2"/>
      <c r="K4638" s="2"/>
      <c r="L4638" s="2"/>
    </row>
    <row r="4639" spans="1:12" s="17" customFormat="1" ht="27" customHeight="1" x14ac:dyDescent="0.15">
      <c r="A4639" s="13"/>
      <c r="B4639" s="14"/>
      <c r="C4639" s="13"/>
      <c r="D4639" s="14"/>
      <c r="E4639" s="14"/>
      <c r="F4639" s="16"/>
      <c r="G4639" s="2"/>
      <c r="H4639" s="2"/>
      <c r="I4639" s="2"/>
      <c r="J4639" s="2"/>
      <c r="K4639" s="2"/>
      <c r="L4639" s="2"/>
    </row>
    <row r="4640" spans="1:12" s="17" customFormat="1" ht="27" customHeight="1" x14ac:dyDescent="0.15">
      <c r="A4640" s="13"/>
      <c r="B4640" s="14"/>
      <c r="C4640" s="13"/>
      <c r="D4640" s="14"/>
      <c r="E4640" s="14"/>
      <c r="F4640" s="16"/>
      <c r="G4640" s="2"/>
      <c r="H4640" s="2"/>
      <c r="I4640" s="2"/>
      <c r="J4640" s="2"/>
      <c r="K4640" s="2"/>
      <c r="L4640" s="2"/>
    </row>
    <row r="4641" spans="1:12" s="17" customFormat="1" ht="27" customHeight="1" x14ac:dyDescent="0.15">
      <c r="A4641" s="13"/>
      <c r="B4641" s="14"/>
      <c r="C4641" s="13"/>
      <c r="D4641" s="14"/>
      <c r="E4641" s="14"/>
      <c r="F4641" s="16"/>
      <c r="G4641" s="2"/>
      <c r="H4641" s="2"/>
      <c r="I4641" s="2"/>
      <c r="J4641" s="2"/>
      <c r="K4641" s="2"/>
      <c r="L4641" s="2"/>
    </row>
    <row r="4642" spans="1:12" s="17" customFormat="1" ht="27" customHeight="1" x14ac:dyDescent="0.15">
      <c r="A4642" s="13"/>
      <c r="B4642" s="14"/>
      <c r="C4642" s="13"/>
      <c r="D4642" s="14"/>
      <c r="E4642" s="14"/>
      <c r="F4642" s="16"/>
      <c r="G4642" s="2"/>
      <c r="H4642" s="2"/>
      <c r="I4642" s="2"/>
      <c r="J4642" s="2"/>
      <c r="K4642" s="2"/>
      <c r="L4642" s="2"/>
    </row>
    <row r="4643" spans="1:12" s="17" customFormat="1" ht="27" customHeight="1" x14ac:dyDescent="0.15">
      <c r="A4643" s="13"/>
      <c r="B4643" s="14"/>
      <c r="C4643" s="13"/>
      <c r="D4643" s="14"/>
      <c r="E4643" s="14"/>
      <c r="F4643" s="16"/>
      <c r="G4643" s="2"/>
      <c r="H4643" s="2"/>
      <c r="I4643" s="2"/>
      <c r="J4643" s="2"/>
      <c r="K4643" s="2"/>
      <c r="L4643" s="2"/>
    </row>
    <row r="4644" spans="1:12" s="17" customFormat="1" ht="27" customHeight="1" x14ac:dyDescent="0.15">
      <c r="A4644" s="13"/>
      <c r="B4644" s="14"/>
      <c r="C4644" s="13"/>
      <c r="D4644" s="14"/>
      <c r="E4644" s="14"/>
      <c r="F4644" s="16"/>
      <c r="G4644" s="2"/>
      <c r="H4644" s="2"/>
      <c r="I4644" s="2"/>
      <c r="J4644" s="2"/>
      <c r="K4644" s="2"/>
      <c r="L4644" s="2"/>
    </row>
    <row r="4645" spans="1:12" s="17" customFormat="1" ht="27" customHeight="1" x14ac:dyDescent="0.15">
      <c r="A4645" s="13"/>
      <c r="B4645" s="14"/>
      <c r="C4645" s="13"/>
      <c r="D4645" s="14"/>
      <c r="E4645" s="14"/>
      <c r="F4645" s="16"/>
      <c r="G4645" s="2"/>
      <c r="H4645" s="2"/>
      <c r="I4645" s="2"/>
      <c r="J4645" s="2"/>
      <c r="K4645" s="2"/>
      <c r="L4645" s="2"/>
    </row>
    <row r="4646" spans="1:12" s="17" customFormat="1" ht="27" customHeight="1" x14ac:dyDescent="0.15">
      <c r="A4646" s="13"/>
      <c r="B4646" s="14"/>
      <c r="C4646" s="13"/>
      <c r="D4646" s="14"/>
      <c r="E4646" s="14"/>
      <c r="F4646" s="16"/>
      <c r="G4646" s="2"/>
      <c r="H4646" s="2"/>
      <c r="I4646" s="2"/>
      <c r="J4646" s="2"/>
      <c r="K4646" s="2"/>
      <c r="L4646" s="2"/>
    </row>
    <row r="4647" spans="1:12" s="17" customFormat="1" ht="27" customHeight="1" x14ac:dyDescent="0.15">
      <c r="A4647" s="13"/>
      <c r="B4647" s="14"/>
      <c r="C4647" s="13"/>
      <c r="D4647" s="14"/>
      <c r="E4647" s="14"/>
      <c r="F4647" s="16"/>
      <c r="G4647" s="2"/>
      <c r="H4647" s="2"/>
      <c r="I4647" s="2"/>
      <c r="J4647" s="2"/>
      <c r="K4647" s="2"/>
      <c r="L4647" s="2"/>
    </row>
    <row r="4648" spans="1:12" s="17" customFormat="1" ht="27" customHeight="1" x14ac:dyDescent="0.15">
      <c r="A4648" s="13"/>
      <c r="B4648" s="14"/>
      <c r="C4648" s="13"/>
      <c r="D4648" s="14"/>
      <c r="E4648" s="14"/>
      <c r="F4648" s="16"/>
      <c r="G4648" s="2"/>
      <c r="H4648" s="2"/>
      <c r="I4648" s="2"/>
      <c r="J4648" s="2"/>
      <c r="K4648" s="2"/>
      <c r="L4648" s="2"/>
    </row>
    <row r="4649" spans="1:12" s="17" customFormat="1" ht="27" customHeight="1" x14ac:dyDescent="0.15">
      <c r="A4649" s="13"/>
      <c r="B4649" s="14"/>
      <c r="C4649" s="13"/>
      <c r="D4649" s="14"/>
      <c r="E4649" s="14"/>
      <c r="F4649" s="16"/>
      <c r="G4649" s="2"/>
      <c r="H4649" s="2"/>
      <c r="I4649" s="2"/>
      <c r="J4649" s="2"/>
      <c r="K4649" s="2"/>
      <c r="L4649" s="2"/>
    </row>
    <row r="4650" spans="1:12" s="17" customFormat="1" ht="27" customHeight="1" x14ac:dyDescent="0.15">
      <c r="A4650" s="13"/>
      <c r="B4650" s="14"/>
      <c r="C4650" s="13"/>
      <c r="D4650" s="14"/>
      <c r="E4650" s="14"/>
      <c r="F4650" s="16"/>
      <c r="G4650" s="2"/>
      <c r="H4650" s="2"/>
      <c r="I4650" s="2"/>
      <c r="J4650" s="2"/>
      <c r="K4650" s="2"/>
      <c r="L4650" s="2"/>
    </row>
    <row r="4651" spans="1:12" s="17" customFormat="1" ht="27" customHeight="1" x14ac:dyDescent="0.15">
      <c r="A4651" s="13"/>
      <c r="B4651" s="14"/>
      <c r="C4651" s="13"/>
      <c r="D4651" s="14"/>
      <c r="E4651" s="14"/>
      <c r="F4651" s="16"/>
      <c r="G4651" s="2"/>
      <c r="H4651" s="2"/>
      <c r="I4651" s="2"/>
      <c r="J4651" s="2"/>
      <c r="K4651" s="2"/>
      <c r="L4651" s="2"/>
    </row>
    <row r="4652" spans="1:12" s="17" customFormat="1" ht="27" customHeight="1" x14ac:dyDescent="0.15">
      <c r="A4652" s="13"/>
      <c r="B4652" s="14"/>
      <c r="C4652" s="13"/>
      <c r="D4652" s="14"/>
      <c r="E4652" s="14"/>
      <c r="F4652" s="16"/>
      <c r="G4652" s="2"/>
      <c r="H4652" s="2"/>
      <c r="I4652" s="2"/>
      <c r="J4652" s="2"/>
      <c r="K4652" s="2"/>
      <c r="L4652" s="2"/>
    </row>
    <row r="4653" spans="1:12" s="17" customFormat="1" ht="27" customHeight="1" x14ac:dyDescent="0.15">
      <c r="A4653" s="13"/>
      <c r="B4653" s="14"/>
      <c r="C4653" s="13"/>
      <c r="D4653" s="14"/>
      <c r="E4653" s="14"/>
      <c r="F4653" s="16"/>
      <c r="G4653" s="2"/>
      <c r="H4653" s="2"/>
      <c r="I4653" s="2"/>
      <c r="J4653" s="2"/>
      <c r="K4653" s="2"/>
      <c r="L4653" s="2"/>
    </row>
    <row r="4654" spans="1:12" s="17" customFormat="1" ht="27" customHeight="1" x14ac:dyDescent="0.15">
      <c r="A4654" s="13"/>
      <c r="B4654" s="14"/>
      <c r="C4654" s="13"/>
      <c r="D4654" s="14"/>
      <c r="E4654" s="14"/>
      <c r="F4654" s="16"/>
      <c r="G4654" s="2"/>
      <c r="H4654" s="2"/>
      <c r="I4654" s="2"/>
      <c r="J4654" s="2"/>
      <c r="K4654" s="2"/>
      <c r="L4654" s="2"/>
    </row>
    <row r="4655" spans="1:12" s="17" customFormat="1" ht="27" customHeight="1" x14ac:dyDescent="0.15">
      <c r="A4655" s="13"/>
      <c r="B4655" s="14"/>
      <c r="C4655" s="13"/>
      <c r="D4655" s="14"/>
      <c r="E4655" s="14"/>
      <c r="F4655" s="16"/>
      <c r="G4655" s="2"/>
      <c r="H4655" s="2"/>
      <c r="I4655" s="2"/>
      <c r="J4655" s="2"/>
      <c r="K4655" s="2"/>
      <c r="L4655" s="2"/>
    </row>
    <row r="4656" spans="1:12" s="17" customFormat="1" ht="27" customHeight="1" x14ac:dyDescent="0.15">
      <c r="A4656" s="13"/>
      <c r="B4656" s="14"/>
      <c r="C4656" s="13"/>
      <c r="D4656" s="14"/>
      <c r="E4656" s="14"/>
      <c r="F4656" s="16"/>
      <c r="G4656" s="2"/>
      <c r="H4656" s="2"/>
      <c r="I4656" s="2"/>
      <c r="J4656" s="2"/>
      <c r="K4656" s="2"/>
      <c r="L4656" s="2"/>
    </row>
    <row r="4657" spans="1:12" s="17" customFormat="1" ht="27" customHeight="1" x14ac:dyDescent="0.15">
      <c r="A4657" s="13"/>
      <c r="B4657" s="14"/>
      <c r="C4657" s="13"/>
      <c r="D4657" s="14"/>
      <c r="E4657" s="14"/>
      <c r="F4657" s="16"/>
      <c r="G4657" s="2"/>
      <c r="H4657" s="2"/>
      <c r="I4657" s="2"/>
      <c r="J4657" s="2"/>
      <c r="K4657" s="2"/>
      <c r="L4657" s="2"/>
    </row>
    <row r="4658" spans="1:12" s="17" customFormat="1" ht="27" customHeight="1" x14ac:dyDescent="0.15">
      <c r="A4658" s="13"/>
      <c r="B4658" s="14"/>
      <c r="C4658" s="13"/>
      <c r="D4658" s="14"/>
      <c r="E4658" s="14"/>
      <c r="F4658" s="16"/>
      <c r="G4658" s="2"/>
      <c r="H4658" s="2"/>
      <c r="I4658" s="2"/>
      <c r="J4658" s="2"/>
      <c r="K4658" s="2"/>
      <c r="L4658" s="2"/>
    </row>
    <row r="4659" spans="1:12" s="17" customFormat="1" ht="27" customHeight="1" x14ac:dyDescent="0.15">
      <c r="A4659" s="13"/>
      <c r="B4659" s="14"/>
      <c r="C4659" s="13"/>
      <c r="D4659" s="14"/>
      <c r="E4659" s="14"/>
      <c r="F4659" s="16"/>
      <c r="G4659" s="2"/>
      <c r="H4659" s="2"/>
      <c r="I4659" s="2"/>
      <c r="J4659" s="2"/>
      <c r="K4659" s="2"/>
      <c r="L4659" s="2"/>
    </row>
    <row r="4660" spans="1:12" s="17" customFormat="1" ht="27" customHeight="1" x14ac:dyDescent="0.15">
      <c r="A4660" s="13"/>
      <c r="B4660" s="14"/>
      <c r="C4660" s="13"/>
      <c r="D4660" s="14"/>
      <c r="E4660" s="14"/>
      <c r="F4660" s="16"/>
      <c r="G4660" s="2"/>
      <c r="H4660" s="2"/>
      <c r="I4660" s="2"/>
      <c r="J4660" s="2"/>
      <c r="K4660" s="2"/>
      <c r="L4660" s="2"/>
    </row>
    <row r="4661" spans="1:12" s="17" customFormat="1" ht="27" customHeight="1" x14ac:dyDescent="0.15">
      <c r="A4661" s="13"/>
      <c r="B4661" s="14"/>
      <c r="C4661" s="13"/>
      <c r="D4661" s="14"/>
      <c r="E4661" s="14"/>
      <c r="F4661" s="16"/>
      <c r="G4661" s="2"/>
      <c r="H4661" s="2"/>
      <c r="I4661" s="2"/>
      <c r="J4661" s="2"/>
      <c r="K4661" s="2"/>
      <c r="L4661" s="2"/>
    </row>
    <row r="4662" spans="1:12" s="17" customFormat="1" ht="27" customHeight="1" x14ac:dyDescent="0.15">
      <c r="A4662" s="13"/>
      <c r="B4662" s="14"/>
      <c r="C4662" s="13"/>
      <c r="D4662" s="14"/>
      <c r="E4662" s="14"/>
      <c r="F4662" s="16"/>
      <c r="G4662" s="2"/>
      <c r="H4662" s="2"/>
      <c r="I4662" s="2"/>
      <c r="J4662" s="2"/>
      <c r="K4662" s="2"/>
      <c r="L4662" s="2"/>
    </row>
    <row r="4663" spans="1:12" s="17" customFormat="1" ht="27" customHeight="1" x14ac:dyDescent="0.15">
      <c r="A4663" s="13"/>
      <c r="B4663" s="14"/>
      <c r="C4663" s="13"/>
      <c r="D4663" s="14"/>
      <c r="E4663" s="14"/>
      <c r="F4663" s="16"/>
      <c r="G4663" s="2"/>
      <c r="H4663" s="2"/>
      <c r="I4663" s="2"/>
      <c r="J4663" s="2"/>
      <c r="K4663" s="2"/>
      <c r="L4663" s="2"/>
    </row>
    <row r="4664" spans="1:12" s="17" customFormat="1" ht="27" customHeight="1" x14ac:dyDescent="0.15">
      <c r="A4664" s="13"/>
      <c r="B4664" s="14"/>
      <c r="C4664" s="13"/>
      <c r="D4664" s="14"/>
      <c r="E4664" s="14"/>
      <c r="F4664" s="16"/>
      <c r="G4664" s="2"/>
      <c r="H4664" s="2"/>
      <c r="I4664" s="2"/>
      <c r="J4664" s="2"/>
      <c r="K4664" s="2"/>
      <c r="L4664" s="2"/>
    </row>
    <row r="4665" spans="1:12" s="17" customFormat="1" ht="27" customHeight="1" x14ac:dyDescent="0.15">
      <c r="A4665" s="13"/>
      <c r="B4665" s="14"/>
      <c r="C4665" s="13"/>
      <c r="D4665" s="14"/>
      <c r="E4665" s="14"/>
      <c r="F4665" s="16"/>
      <c r="G4665" s="2"/>
      <c r="H4665" s="2"/>
      <c r="I4665" s="2"/>
      <c r="J4665" s="2"/>
      <c r="K4665" s="2"/>
      <c r="L4665" s="2"/>
    </row>
    <row r="4666" spans="1:12" s="17" customFormat="1" ht="27" customHeight="1" x14ac:dyDescent="0.15">
      <c r="A4666" s="13"/>
      <c r="B4666" s="14"/>
      <c r="C4666" s="13"/>
      <c r="D4666" s="14"/>
      <c r="E4666" s="14"/>
      <c r="F4666" s="16"/>
      <c r="G4666" s="2"/>
      <c r="H4666" s="2"/>
      <c r="I4666" s="2"/>
      <c r="J4666" s="2"/>
      <c r="K4666" s="2"/>
      <c r="L4666" s="2"/>
    </row>
    <row r="4667" spans="1:12" s="17" customFormat="1" ht="27" customHeight="1" x14ac:dyDescent="0.15">
      <c r="A4667" s="13"/>
      <c r="B4667" s="14"/>
      <c r="C4667" s="13"/>
      <c r="D4667" s="14"/>
      <c r="E4667" s="14"/>
      <c r="F4667" s="16"/>
      <c r="G4667" s="2"/>
      <c r="H4667" s="2"/>
      <c r="I4667" s="2"/>
      <c r="J4667" s="2"/>
      <c r="K4667" s="2"/>
      <c r="L4667" s="2"/>
    </row>
    <row r="4668" spans="1:12" s="17" customFormat="1" ht="27" customHeight="1" x14ac:dyDescent="0.15">
      <c r="A4668" s="13"/>
      <c r="B4668" s="14"/>
      <c r="C4668" s="13"/>
      <c r="D4668" s="14"/>
      <c r="E4668" s="14"/>
      <c r="F4668" s="16"/>
      <c r="G4668" s="2"/>
      <c r="H4668" s="2"/>
      <c r="I4668" s="2"/>
      <c r="J4668" s="2"/>
      <c r="K4668" s="2"/>
      <c r="L4668" s="2"/>
    </row>
    <row r="4669" spans="1:12" s="17" customFormat="1" ht="27" customHeight="1" x14ac:dyDescent="0.15">
      <c r="A4669" s="13"/>
      <c r="B4669" s="14"/>
      <c r="C4669" s="13"/>
      <c r="D4669" s="14"/>
      <c r="E4669" s="14"/>
      <c r="F4669" s="16"/>
      <c r="G4669" s="2"/>
      <c r="H4669" s="2"/>
      <c r="I4669" s="2"/>
      <c r="J4669" s="2"/>
      <c r="K4669" s="2"/>
      <c r="L4669" s="2"/>
    </row>
    <row r="4670" spans="1:12" s="17" customFormat="1" ht="27" customHeight="1" x14ac:dyDescent="0.15">
      <c r="A4670" s="13"/>
      <c r="B4670" s="14"/>
      <c r="C4670" s="13"/>
      <c r="D4670" s="14"/>
      <c r="E4670" s="14"/>
      <c r="F4670" s="16"/>
      <c r="G4670" s="2"/>
      <c r="H4670" s="2"/>
      <c r="I4670" s="2"/>
      <c r="J4670" s="2"/>
      <c r="K4670" s="2"/>
      <c r="L4670" s="2"/>
    </row>
    <row r="4671" spans="1:12" s="17" customFormat="1" ht="27" customHeight="1" x14ac:dyDescent="0.15">
      <c r="A4671" s="13"/>
      <c r="B4671" s="14"/>
      <c r="C4671" s="13"/>
      <c r="D4671" s="14"/>
      <c r="E4671" s="14"/>
      <c r="F4671" s="16"/>
      <c r="G4671" s="2"/>
      <c r="H4671" s="2"/>
      <c r="I4671" s="2"/>
      <c r="J4671" s="2"/>
      <c r="K4671" s="2"/>
      <c r="L4671" s="2"/>
    </row>
    <row r="4672" spans="1:12" s="17" customFormat="1" ht="27" customHeight="1" x14ac:dyDescent="0.15">
      <c r="A4672" s="13"/>
      <c r="B4672" s="14"/>
      <c r="C4672" s="13"/>
      <c r="D4672" s="14"/>
      <c r="E4672" s="14"/>
      <c r="F4672" s="16"/>
      <c r="G4672" s="2"/>
      <c r="H4672" s="2"/>
      <c r="I4672" s="2"/>
      <c r="J4672" s="2"/>
      <c r="K4672" s="2"/>
      <c r="L4672" s="2"/>
    </row>
    <row r="4673" spans="1:12" s="17" customFormat="1" ht="27" customHeight="1" x14ac:dyDescent="0.15">
      <c r="A4673" s="13"/>
      <c r="B4673" s="14"/>
      <c r="C4673" s="13"/>
      <c r="D4673" s="14"/>
      <c r="E4673" s="14"/>
      <c r="F4673" s="16"/>
      <c r="G4673" s="2"/>
      <c r="H4673" s="2"/>
      <c r="I4673" s="2"/>
      <c r="J4673" s="2"/>
      <c r="K4673" s="2"/>
      <c r="L4673" s="2"/>
    </row>
    <row r="4674" spans="1:12" s="17" customFormat="1" ht="27" customHeight="1" x14ac:dyDescent="0.15">
      <c r="A4674" s="13"/>
      <c r="B4674" s="14"/>
      <c r="C4674" s="13"/>
      <c r="D4674" s="14"/>
      <c r="E4674" s="14"/>
      <c r="F4674" s="16"/>
      <c r="G4674" s="2"/>
      <c r="H4674" s="2"/>
      <c r="I4674" s="2"/>
      <c r="J4674" s="2"/>
      <c r="K4674" s="2"/>
      <c r="L4674" s="2"/>
    </row>
    <row r="4675" spans="1:12" s="17" customFormat="1" ht="27" customHeight="1" x14ac:dyDescent="0.15">
      <c r="A4675" s="13"/>
      <c r="B4675" s="14"/>
      <c r="C4675" s="13"/>
      <c r="D4675" s="14"/>
      <c r="E4675" s="14"/>
      <c r="F4675" s="16"/>
      <c r="G4675" s="2"/>
      <c r="H4675" s="2"/>
      <c r="I4675" s="2"/>
      <c r="J4675" s="2"/>
      <c r="K4675" s="2"/>
      <c r="L4675" s="2"/>
    </row>
    <row r="4676" spans="1:12" s="17" customFormat="1" ht="27" customHeight="1" x14ac:dyDescent="0.15">
      <c r="A4676" s="13"/>
      <c r="B4676" s="14"/>
      <c r="C4676" s="13"/>
      <c r="D4676" s="14"/>
      <c r="E4676" s="14"/>
      <c r="F4676" s="16"/>
      <c r="G4676" s="2"/>
      <c r="H4676" s="2"/>
      <c r="I4676" s="2"/>
      <c r="J4676" s="2"/>
      <c r="K4676" s="2"/>
      <c r="L4676" s="2"/>
    </row>
    <row r="4677" spans="1:12" s="17" customFormat="1" ht="27" customHeight="1" x14ac:dyDescent="0.15">
      <c r="A4677" s="13"/>
      <c r="B4677" s="14"/>
      <c r="C4677" s="13"/>
      <c r="D4677" s="14"/>
      <c r="E4677" s="14"/>
      <c r="F4677" s="16"/>
      <c r="G4677" s="2"/>
      <c r="H4677" s="2"/>
      <c r="I4677" s="2"/>
      <c r="J4677" s="2"/>
      <c r="K4677" s="2"/>
      <c r="L4677" s="2"/>
    </row>
    <row r="4678" spans="1:12" s="17" customFormat="1" ht="27" customHeight="1" x14ac:dyDescent="0.15">
      <c r="A4678" s="13"/>
      <c r="B4678" s="14"/>
      <c r="C4678" s="13"/>
      <c r="D4678" s="14"/>
      <c r="E4678" s="14"/>
      <c r="F4678" s="16"/>
      <c r="G4678" s="2"/>
      <c r="H4678" s="2"/>
      <c r="I4678" s="2"/>
      <c r="J4678" s="2"/>
      <c r="K4678" s="2"/>
      <c r="L4678" s="2"/>
    </row>
    <row r="4679" spans="1:12" s="17" customFormat="1" ht="27" customHeight="1" x14ac:dyDescent="0.15">
      <c r="A4679" s="13"/>
      <c r="B4679" s="14"/>
      <c r="C4679" s="13"/>
      <c r="D4679" s="14"/>
      <c r="E4679" s="14"/>
      <c r="F4679" s="16"/>
      <c r="G4679" s="2"/>
      <c r="H4679" s="2"/>
      <c r="I4679" s="2"/>
      <c r="J4679" s="2"/>
      <c r="K4679" s="2"/>
      <c r="L4679" s="2"/>
    </row>
    <row r="4680" spans="1:12" s="17" customFormat="1" ht="27" customHeight="1" x14ac:dyDescent="0.15">
      <c r="A4680" s="13"/>
      <c r="B4680" s="14"/>
      <c r="C4680" s="13"/>
      <c r="D4680" s="14"/>
      <c r="E4680" s="14"/>
      <c r="F4680" s="16"/>
      <c r="G4680" s="2"/>
      <c r="H4680" s="2"/>
      <c r="I4680" s="2"/>
      <c r="J4680" s="2"/>
      <c r="K4680" s="2"/>
      <c r="L4680" s="2"/>
    </row>
    <row r="4681" spans="1:12" s="17" customFormat="1" ht="27" customHeight="1" x14ac:dyDescent="0.15">
      <c r="A4681" s="13"/>
      <c r="B4681" s="14"/>
      <c r="C4681" s="13"/>
      <c r="D4681" s="14"/>
      <c r="E4681" s="14"/>
      <c r="F4681" s="16"/>
      <c r="G4681" s="2"/>
      <c r="H4681" s="2"/>
      <c r="I4681" s="2"/>
      <c r="J4681" s="2"/>
      <c r="K4681" s="2"/>
      <c r="L4681" s="2"/>
    </row>
    <row r="4682" spans="1:12" s="17" customFormat="1" ht="27" customHeight="1" x14ac:dyDescent="0.15">
      <c r="A4682" s="13"/>
      <c r="B4682" s="14"/>
      <c r="C4682" s="13"/>
      <c r="D4682" s="14"/>
      <c r="E4682" s="14"/>
      <c r="F4682" s="16"/>
      <c r="G4682" s="2"/>
      <c r="H4682" s="2"/>
      <c r="I4682" s="2"/>
      <c r="J4682" s="2"/>
      <c r="K4682" s="2"/>
      <c r="L4682" s="2"/>
    </row>
    <row r="4683" spans="1:12" s="17" customFormat="1" ht="27" customHeight="1" x14ac:dyDescent="0.15">
      <c r="A4683" s="13"/>
      <c r="B4683" s="14"/>
      <c r="C4683" s="13"/>
      <c r="D4683" s="14"/>
      <c r="E4683" s="14"/>
      <c r="F4683" s="16"/>
      <c r="G4683" s="2"/>
      <c r="H4683" s="2"/>
      <c r="I4683" s="2"/>
      <c r="J4683" s="2"/>
      <c r="K4683" s="2"/>
      <c r="L4683" s="2"/>
    </row>
    <row r="4684" spans="1:12" s="17" customFormat="1" ht="27" customHeight="1" x14ac:dyDescent="0.15">
      <c r="A4684" s="13"/>
      <c r="B4684" s="14"/>
      <c r="C4684" s="13"/>
      <c r="D4684" s="14"/>
      <c r="E4684" s="14"/>
      <c r="F4684" s="16"/>
      <c r="G4684" s="2"/>
      <c r="H4684" s="2"/>
      <c r="I4684" s="2"/>
      <c r="J4684" s="2"/>
      <c r="K4684" s="2"/>
      <c r="L4684" s="2"/>
    </row>
    <row r="4685" spans="1:12" s="17" customFormat="1" ht="27" customHeight="1" x14ac:dyDescent="0.15">
      <c r="A4685" s="13"/>
      <c r="B4685" s="14"/>
      <c r="C4685" s="13"/>
      <c r="D4685" s="14"/>
      <c r="E4685" s="14"/>
      <c r="F4685" s="16"/>
      <c r="G4685" s="2"/>
      <c r="H4685" s="2"/>
      <c r="I4685" s="2"/>
      <c r="J4685" s="2"/>
      <c r="K4685" s="2"/>
      <c r="L4685" s="2"/>
    </row>
    <row r="4686" spans="1:12" s="17" customFormat="1" ht="27" customHeight="1" x14ac:dyDescent="0.15">
      <c r="A4686" s="13"/>
      <c r="B4686" s="14"/>
      <c r="C4686" s="13"/>
      <c r="D4686" s="14"/>
      <c r="E4686" s="14"/>
      <c r="F4686" s="16"/>
      <c r="G4686" s="2"/>
      <c r="H4686" s="2"/>
      <c r="I4686" s="2"/>
      <c r="J4686" s="2"/>
      <c r="K4686" s="2"/>
      <c r="L4686" s="2"/>
    </row>
    <row r="4687" spans="1:12" s="17" customFormat="1" ht="27" customHeight="1" x14ac:dyDescent="0.15">
      <c r="A4687" s="13"/>
      <c r="B4687" s="14"/>
      <c r="C4687" s="13"/>
      <c r="D4687" s="14"/>
      <c r="E4687" s="14"/>
      <c r="F4687" s="16"/>
      <c r="G4687" s="2"/>
      <c r="H4687" s="2"/>
      <c r="I4687" s="2"/>
      <c r="J4687" s="2"/>
      <c r="K4687" s="2"/>
      <c r="L4687" s="2"/>
    </row>
    <row r="4688" spans="1:12" s="17" customFormat="1" ht="27" customHeight="1" x14ac:dyDescent="0.15">
      <c r="A4688" s="13"/>
      <c r="B4688" s="14"/>
      <c r="C4688" s="13"/>
      <c r="D4688" s="14"/>
      <c r="E4688" s="14"/>
      <c r="F4688" s="16"/>
      <c r="G4688" s="2"/>
      <c r="H4688" s="2"/>
      <c r="I4688" s="2"/>
      <c r="J4688" s="2"/>
      <c r="K4688" s="2"/>
      <c r="L4688" s="2"/>
    </row>
    <row r="4689" spans="1:12" s="17" customFormat="1" ht="27" customHeight="1" x14ac:dyDescent="0.15">
      <c r="A4689" s="13"/>
      <c r="B4689" s="14"/>
      <c r="C4689" s="13"/>
      <c r="D4689" s="14"/>
      <c r="E4689" s="14"/>
      <c r="F4689" s="16"/>
      <c r="G4689" s="2"/>
      <c r="H4689" s="2"/>
      <c r="I4689" s="2"/>
      <c r="J4689" s="2"/>
      <c r="K4689" s="2"/>
      <c r="L4689" s="2"/>
    </row>
    <row r="4690" spans="1:12" s="17" customFormat="1" ht="27" customHeight="1" x14ac:dyDescent="0.15">
      <c r="A4690" s="13"/>
      <c r="B4690" s="14"/>
      <c r="C4690" s="13"/>
      <c r="D4690" s="14"/>
      <c r="E4690" s="14"/>
      <c r="F4690" s="16"/>
      <c r="G4690" s="2"/>
      <c r="H4690" s="2"/>
      <c r="I4690" s="2"/>
      <c r="J4690" s="2"/>
      <c r="K4690" s="2"/>
      <c r="L4690" s="2"/>
    </row>
    <row r="4691" spans="1:12" s="17" customFormat="1" ht="27" customHeight="1" x14ac:dyDescent="0.15">
      <c r="A4691" s="13"/>
      <c r="B4691" s="14"/>
      <c r="C4691" s="13"/>
      <c r="D4691" s="14"/>
      <c r="E4691" s="14"/>
      <c r="F4691" s="16"/>
      <c r="G4691" s="2"/>
      <c r="H4691" s="2"/>
      <c r="I4691" s="2"/>
      <c r="J4691" s="2"/>
      <c r="K4691" s="2"/>
      <c r="L4691" s="2"/>
    </row>
    <row r="4692" spans="1:12" s="17" customFormat="1" ht="27" customHeight="1" x14ac:dyDescent="0.15">
      <c r="A4692" s="13"/>
      <c r="B4692" s="14"/>
      <c r="C4692" s="13"/>
      <c r="D4692" s="14"/>
      <c r="E4692" s="14"/>
      <c r="F4692" s="16"/>
      <c r="G4692" s="2"/>
      <c r="H4692" s="2"/>
      <c r="I4692" s="2"/>
      <c r="J4692" s="2"/>
      <c r="K4692" s="2"/>
      <c r="L4692" s="2"/>
    </row>
    <row r="4693" spans="1:12" s="17" customFormat="1" ht="27" customHeight="1" x14ac:dyDescent="0.15">
      <c r="A4693" s="13"/>
      <c r="B4693" s="14"/>
      <c r="C4693" s="13"/>
      <c r="D4693" s="14"/>
      <c r="E4693" s="14"/>
      <c r="F4693" s="16"/>
      <c r="G4693" s="2"/>
      <c r="H4693" s="2"/>
      <c r="I4693" s="2"/>
      <c r="J4693" s="2"/>
      <c r="K4693" s="2"/>
      <c r="L4693" s="2"/>
    </row>
    <row r="4694" spans="1:12" s="17" customFormat="1" ht="27" customHeight="1" x14ac:dyDescent="0.15">
      <c r="A4694" s="13"/>
      <c r="B4694" s="14"/>
      <c r="C4694" s="13"/>
      <c r="D4694" s="14"/>
      <c r="E4694" s="14"/>
      <c r="F4694" s="16"/>
      <c r="G4694" s="2"/>
      <c r="H4694" s="2"/>
      <c r="I4694" s="2"/>
      <c r="J4694" s="2"/>
      <c r="K4694" s="2"/>
      <c r="L4694" s="2"/>
    </row>
    <row r="4695" spans="1:12" s="17" customFormat="1" ht="27" customHeight="1" x14ac:dyDescent="0.15">
      <c r="A4695" s="13"/>
      <c r="B4695" s="14"/>
      <c r="C4695" s="13"/>
      <c r="D4695" s="14"/>
      <c r="E4695" s="14"/>
      <c r="F4695" s="16"/>
      <c r="G4695" s="2"/>
      <c r="H4695" s="2"/>
      <c r="I4695" s="2"/>
      <c r="J4695" s="2"/>
      <c r="K4695" s="2"/>
      <c r="L4695" s="2"/>
    </row>
    <row r="4696" spans="1:12" s="17" customFormat="1" ht="27" customHeight="1" x14ac:dyDescent="0.15">
      <c r="A4696" s="13"/>
      <c r="B4696" s="14"/>
      <c r="C4696" s="13"/>
      <c r="D4696" s="14"/>
      <c r="E4696" s="14"/>
      <c r="F4696" s="16"/>
      <c r="G4696" s="2"/>
      <c r="H4696" s="2"/>
      <c r="I4696" s="2"/>
      <c r="J4696" s="2"/>
      <c r="K4696" s="2"/>
      <c r="L4696" s="2"/>
    </row>
    <row r="4697" spans="1:12" s="17" customFormat="1" ht="27" customHeight="1" x14ac:dyDescent="0.15">
      <c r="A4697" s="13"/>
      <c r="B4697" s="14"/>
      <c r="C4697" s="13"/>
      <c r="D4697" s="14"/>
      <c r="E4697" s="14"/>
      <c r="F4697" s="16"/>
      <c r="G4697" s="2"/>
      <c r="H4697" s="2"/>
      <c r="I4697" s="2"/>
      <c r="J4697" s="2"/>
      <c r="K4697" s="2"/>
      <c r="L4697" s="2"/>
    </row>
    <row r="4698" spans="1:12" s="17" customFormat="1" ht="27" customHeight="1" x14ac:dyDescent="0.15">
      <c r="A4698" s="13"/>
      <c r="B4698" s="14"/>
      <c r="C4698" s="13"/>
      <c r="D4698" s="14"/>
      <c r="E4698" s="14"/>
      <c r="F4698" s="16"/>
      <c r="G4698" s="2"/>
      <c r="H4698" s="2"/>
      <c r="I4698" s="2"/>
      <c r="J4698" s="2"/>
      <c r="K4698" s="2"/>
      <c r="L4698" s="2"/>
    </row>
    <row r="4699" spans="1:12" s="17" customFormat="1" ht="27" customHeight="1" x14ac:dyDescent="0.15">
      <c r="A4699" s="13"/>
      <c r="B4699" s="14"/>
      <c r="C4699" s="13"/>
      <c r="D4699" s="14"/>
      <c r="E4699" s="14"/>
      <c r="F4699" s="16"/>
      <c r="G4699" s="2"/>
      <c r="H4699" s="2"/>
      <c r="I4699" s="2"/>
      <c r="J4699" s="2"/>
      <c r="K4699" s="2"/>
      <c r="L4699" s="2"/>
    </row>
    <row r="4700" spans="1:12" s="17" customFormat="1" ht="27" customHeight="1" x14ac:dyDescent="0.15">
      <c r="A4700" s="13"/>
      <c r="B4700" s="14"/>
      <c r="C4700" s="13"/>
      <c r="D4700" s="14"/>
      <c r="E4700" s="14"/>
      <c r="F4700" s="16"/>
      <c r="G4700" s="2"/>
      <c r="H4700" s="2"/>
      <c r="I4700" s="2"/>
      <c r="J4700" s="2"/>
      <c r="K4700" s="2"/>
      <c r="L4700" s="2"/>
    </row>
    <row r="4701" spans="1:12" s="17" customFormat="1" ht="27" customHeight="1" x14ac:dyDescent="0.15">
      <c r="A4701" s="13"/>
      <c r="B4701" s="14"/>
      <c r="C4701" s="13"/>
      <c r="D4701" s="14"/>
      <c r="E4701" s="14"/>
      <c r="F4701" s="16"/>
      <c r="G4701" s="2"/>
      <c r="H4701" s="2"/>
      <c r="I4701" s="2"/>
      <c r="J4701" s="2"/>
      <c r="K4701" s="2"/>
      <c r="L4701" s="2"/>
    </row>
    <row r="4702" spans="1:12" s="17" customFormat="1" ht="27" customHeight="1" x14ac:dyDescent="0.15">
      <c r="A4702" s="13"/>
      <c r="B4702" s="14"/>
      <c r="C4702" s="13"/>
      <c r="D4702" s="14"/>
      <c r="E4702" s="14"/>
      <c r="F4702" s="16"/>
      <c r="G4702" s="2"/>
      <c r="H4702" s="2"/>
      <c r="I4702" s="2"/>
      <c r="J4702" s="2"/>
      <c r="K4702" s="2"/>
      <c r="L4702" s="2"/>
    </row>
    <row r="4703" spans="1:12" s="17" customFormat="1" ht="27" customHeight="1" x14ac:dyDescent="0.15">
      <c r="A4703" s="13"/>
      <c r="B4703" s="14"/>
      <c r="C4703" s="13"/>
      <c r="D4703" s="14"/>
      <c r="E4703" s="14"/>
      <c r="F4703" s="16"/>
      <c r="G4703" s="2"/>
      <c r="H4703" s="2"/>
      <c r="I4703" s="2"/>
      <c r="J4703" s="2"/>
      <c r="K4703" s="2"/>
      <c r="L4703" s="2"/>
    </row>
    <row r="4704" spans="1:12" s="17" customFormat="1" ht="27" customHeight="1" x14ac:dyDescent="0.15">
      <c r="A4704" s="13"/>
      <c r="B4704" s="14"/>
      <c r="C4704" s="13"/>
      <c r="D4704" s="14"/>
      <c r="E4704" s="14"/>
      <c r="F4704" s="16"/>
      <c r="G4704" s="2"/>
      <c r="H4704" s="2"/>
      <c r="I4704" s="2"/>
      <c r="J4704" s="2"/>
      <c r="K4704" s="2"/>
      <c r="L4704" s="2"/>
    </row>
    <row r="4705" spans="1:12" s="17" customFormat="1" ht="27" customHeight="1" x14ac:dyDescent="0.15">
      <c r="A4705" s="13"/>
      <c r="B4705" s="14"/>
      <c r="C4705" s="13"/>
      <c r="D4705" s="14"/>
      <c r="E4705" s="14"/>
      <c r="F4705" s="16"/>
      <c r="G4705" s="2"/>
      <c r="H4705" s="2"/>
      <c r="I4705" s="2"/>
      <c r="J4705" s="2"/>
      <c r="K4705" s="2"/>
      <c r="L4705" s="2"/>
    </row>
    <row r="4706" spans="1:12" s="17" customFormat="1" ht="27" customHeight="1" x14ac:dyDescent="0.15">
      <c r="A4706" s="13"/>
      <c r="B4706" s="14"/>
      <c r="C4706" s="13"/>
      <c r="D4706" s="14"/>
      <c r="E4706" s="14"/>
      <c r="F4706" s="16"/>
      <c r="G4706" s="2"/>
      <c r="H4706" s="2"/>
      <c r="I4706" s="2"/>
      <c r="J4706" s="2"/>
      <c r="K4706" s="2"/>
      <c r="L4706" s="2"/>
    </row>
    <row r="4707" spans="1:12" s="17" customFormat="1" ht="27" customHeight="1" x14ac:dyDescent="0.15">
      <c r="A4707" s="13"/>
      <c r="B4707" s="14"/>
      <c r="C4707" s="13"/>
      <c r="D4707" s="14"/>
      <c r="E4707" s="14"/>
      <c r="F4707" s="16"/>
      <c r="G4707" s="2"/>
      <c r="H4707" s="2"/>
      <c r="I4707" s="2"/>
      <c r="J4707" s="2"/>
      <c r="K4707" s="2"/>
      <c r="L4707" s="2"/>
    </row>
    <row r="4708" spans="1:12" s="17" customFormat="1" ht="27" customHeight="1" x14ac:dyDescent="0.15">
      <c r="A4708" s="13"/>
      <c r="B4708" s="14"/>
      <c r="C4708" s="13"/>
      <c r="D4708" s="14"/>
      <c r="E4708" s="14"/>
      <c r="F4708" s="16"/>
      <c r="G4708" s="2"/>
      <c r="H4708" s="2"/>
      <c r="I4708" s="2"/>
      <c r="J4708" s="2"/>
      <c r="K4708" s="2"/>
      <c r="L4708" s="2"/>
    </row>
    <row r="4709" spans="1:12" s="17" customFormat="1" ht="27" customHeight="1" x14ac:dyDescent="0.15">
      <c r="A4709" s="13"/>
      <c r="B4709" s="14"/>
      <c r="C4709" s="13"/>
      <c r="D4709" s="14"/>
      <c r="E4709" s="14"/>
      <c r="F4709" s="16"/>
      <c r="G4709" s="2"/>
      <c r="H4709" s="2"/>
      <c r="I4709" s="2"/>
      <c r="J4709" s="2"/>
      <c r="K4709" s="2"/>
      <c r="L4709" s="2"/>
    </row>
    <row r="4710" spans="1:12" s="17" customFormat="1" ht="27" customHeight="1" x14ac:dyDescent="0.15">
      <c r="A4710" s="13"/>
      <c r="B4710" s="14"/>
      <c r="C4710" s="13"/>
      <c r="D4710" s="14"/>
      <c r="E4710" s="14"/>
      <c r="F4710" s="16"/>
      <c r="G4710" s="2"/>
      <c r="H4710" s="2"/>
      <c r="I4710" s="2"/>
      <c r="J4710" s="2"/>
      <c r="K4710" s="2"/>
      <c r="L4710" s="2"/>
    </row>
    <row r="4711" spans="1:12" s="17" customFormat="1" ht="27" customHeight="1" x14ac:dyDescent="0.15">
      <c r="A4711" s="13"/>
      <c r="B4711" s="14"/>
      <c r="C4711" s="13"/>
      <c r="D4711" s="14"/>
      <c r="E4711" s="14"/>
      <c r="F4711" s="16"/>
      <c r="G4711" s="2"/>
      <c r="H4711" s="2"/>
      <c r="I4711" s="2"/>
      <c r="J4711" s="2"/>
      <c r="K4711" s="2"/>
      <c r="L4711" s="2"/>
    </row>
    <row r="4712" spans="1:12" s="17" customFormat="1" ht="27" customHeight="1" x14ac:dyDescent="0.15">
      <c r="A4712" s="13"/>
      <c r="B4712" s="14"/>
      <c r="C4712" s="13"/>
      <c r="D4712" s="14"/>
      <c r="E4712" s="14"/>
      <c r="F4712" s="16"/>
      <c r="G4712" s="2"/>
      <c r="H4712" s="2"/>
      <c r="I4712" s="2"/>
      <c r="J4712" s="2"/>
      <c r="K4712" s="2"/>
      <c r="L4712" s="2"/>
    </row>
    <row r="4713" spans="1:12" s="17" customFormat="1" ht="27" customHeight="1" x14ac:dyDescent="0.15">
      <c r="A4713" s="13"/>
      <c r="B4713" s="14"/>
      <c r="C4713" s="13"/>
      <c r="D4713" s="14"/>
      <c r="E4713" s="14"/>
      <c r="F4713" s="16"/>
      <c r="G4713" s="2"/>
      <c r="H4713" s="2"/>
      <c r="I4713" s="2"/>
      <c r="J4713" s="2"/>
      <c r="K4713" s="2"/>
      <c r="L4713" s="2"/>
    </row>
    <row r="4714" spans="1:12" s="17" customFormat="1" ht="27" customHeight="1" x14ac:dyDescent="0.15">
      <c r="A4714" s="13"/>
      <c r="B4714" s="14"/>
      <c r="C4714" s="13"/>
      <c r="D4714" s="14"/>
      <c r="E4714" s="14"/>
      <c r="F4714" s="16"/>
      <c r="G4714" s="2"/>
      <c r="H4714" s="2"/>
      <c r="I4714" s="2"/>
      <c r="J4714" s="2"/>
      <c r="K4714" s="2"/>
      <c r="L4714" s="2"/>
    </row>
    <row r="4715" spans="1:12" s="17" customFormat="1" ht="27" customHeight="1" x14ac:dyDescent="0.15">
      <c r="A4715" s="13"/>
      <c r="B4715" s="14"/>
      <c r="C4715" s="13"/>
      <c r="D4715" s="14"/>
      <c r="E4715" s="14"/>
      <c r="F4715" s="16"/>
      <c r="G4715" s="2"/>
      <c r="H4715" s="2"/>
      <c r="I4715" s="2"/>
      <c r="J4715" s="2"/>
      <c r="K4715" s="2"/>
      <c r="L4715" s="2"/>
    </row>
    <row r="4716" spans="1:12" s="17" customFormat="1" ht="27" customHeight="1" x14ac:dyDescent="0.15">
      <c r="A4716" s="13"/>
      <c r="B4716" s="14"/>
      <c r="C4716" s="13"/>
      <c r="D4716" s="14"/>
      <c r="E4716" s="14"/>
      <c r="F4716" s="16"/>
      <c r="G4716" s="2"/>
      <c r="H4716" s="2"/>
      <c r="I4716" s="2"/>
      <c r="J4716" s="2"/>
      <c r="K4716" s="2"/>
      <c r="L4716" s="2"/>
    </row>
    <row r="4717" spans="1:12" s="17" customFormat="1" ht="27" customHeight="1" x14ac:dyDescent="0.15">
      <c r="A4717" s="13"/>
      <c r="B4717" s="14"/>
      <c r="C4717" s="13"/>
      <c r="D4717" s="14"/>
      <c r="E4717" s="14"/>
      <c r="F4717" s="16"/>
      <c r="G4717" s="2"/>
      <c r="H4717" s="2"/>
      <c r="I4717" s="2"/>
      <c r="J4717" s="2"/>
      <c r="K4717" s="2"/>
      <c r="L4717" s="2"/>
    </row>
    <row r="4718" spans="1:12" s="17" customFormat="1" ht="27" customHeight="1" x14ac:dyDescent="0.15">
      <c r="A4718" s="13"/>
      <c r="B4718" s="14"/>
      <c r="C4718" s="13"/>
      <c r="D4718" s="14"/>
      <c r="E4718" s="14"/>
      <c r="F4718" s="16"/>
      <c r="G4718" s="2"/>
      <c r="H4718" s="2"/>
      <c r="I4718" s="2"/>
      <c r="J4718" s="2"/>
      <c r="K4718" s="2"/>
      <c r="L4718" s="2"/>
    </row>
    <row r="4719" spans="1:12" s="17" customFormat="1" ht="27" customHeight="1" x14ac:dyDescent="0.15">
      <c r="A4719" s="13"/>
      <c r="B4719" s="14"/>
      <c r="C4719" s="13"/>
      <c r="D4719" s="14"/>
      <c r="E4719" s="14"/>
      <c r="F4719" s="16"/>
      <c r="G4719" s="2"/>
      <c r="H4719" s="2"/>
      <c r="I4719" s="2"/>
      <c r="J4719" s="2"/>
      <c r="K4719" s="2"/>
      <c r="L4719" s="2"/>
    </row>
    <row r="4720" spans="1:12" s="17" customFormat="1" ht="27" customHeight="1" x14ac:dyDescent="0.15">
      <c r="A4720" s="13"/>
      <c r="B4720" s="14"/>
      <c r="C4720" s="13"/>
      <c r="D4720" s="14"/>
      <c r="E4720" s="14"/>
      <c r="F4720" s="16"/>
      <c r="G4720" s="2"/>
      <c r="H4720" s="2"/>
      <c r="I4720" s="2"/>
      <c r="J4720" s="2"/>
      <c r="K4720" s="2"/>
      <c r="L4720" s="2"/>
    </row>
    <row r="4721" spans="1:12" s="17" customFormat="1" ht="27" customHeight="1" x14ac:dyDescent="0.15">
      <c r="A4721" s="13"/>
      <c r="B4721" s="14"/>
      <c r="C4721" s="13"/>
      <c r="D4721" s="14"/>
      <c r="E4721" s="14"/>
      <c r="F4721" s="16"/>
      <c r="G4721" s="2"/>
      <c r="H4721" s="2"/>
      <c r="I4721" s="2"/>
      <c r="J4721" s="2"/>
      <c r="K4721" s="2"/>
      <c r="L4721" s="2"/>
    </row>
    <row r="4722" spans="1:12" s="17" customFormat="1" ht="27" customHeight="1" x14ac:dyDescent="0.15">
      <c r="A4722" s="13"/>
      <c r="B4722" s="14"/>
      <c r="C4722" s="13"/>
      <c r="D4722" s="14"/>
      <c r="E4722" s="14"/>
      <c r="F4722" s="16"/>
      <c r="G4722" s="2"/>
      <c r="H4722" s="2"/>
      <c r="I4722" s="2"/>
      <c r="J4722" s="2"/>
      <c r="K4722" s="2"/>
      <c r="L4722" s="2"/>
    </row>
    <row r="4723" spans="1:12" s="17" customFormat="1" ht="27" customHeight="1" x14ac:dyDescent="0.15">
      <c r="A4723" s="13"/>
      <c r="B4723" s="14"/>
      <c r="C4723" s="13"/>
      <c r="D4723" s="14"/>
      <c r="E4723" s="14"/>
      <c r="F4723" s="16"/>
      <c r="G4723" s="2"/>
      <c r="H4723" s="2"/>
      <c r="I4723" s="2"/>
      <c r="J4723" s="2"/>
      <c r="K4723" s="2"/>
      <c r="L4723" s="2"/>
    </row>
    <row r="4724" spans="1:12" s="17" customFormat="1" ht="27" customHeight="1" x14ac:dyDescent="0.15">
      <c r="A4724" s="13"/>
      <c r="B4724" s="14"/>
      <c r="C4724" s="13"/>
      <c r="D4724" s="14"/>
      <c r="E4724" s="14"/>
      <c r="F4724" s="16"/>
      <c r="G4724" s="2"/>
      <c r="H4724" s="2"/>
      <c r="I4724" s="2"/>
      <c r="J4724" s="2"/>
      <c r="K4724" s="2"/>
      <c r="L4724" s="2"/>
    </row>
    <row r="4725" spans="1:12" s="17" customFormat="1" ht="27" customHeight="1" x14ac:dyDescent="0.15">
      <c r="A4725" s="13"/>
      <c r="B4725" s="14"/>
      <c r="C4725" s="13"/>
      <c r="D4725" s="14"/>
      <c r="E4725" s="14"/>
      <c r="F4725" s="16"/>
      <c r="G4725" s="2"/>
      <c r="H4725" s="2"/>
      <c r="I4725" s="2"/>
      <c r="J4725" s="2"/>
      <c r="K4725" s="2"/>
      <c r="L4725" s="2"/>
    </row>
    <row r="4726" spans="1:12" s="17" customFormat="1" ht="27" customHeight="1" x14ac:dyDescent="0.15">
      <c r="A4726" s="13"/>
      <c r="B4726" s="14"/>
      <c r="C4726" s="13"/>
      <c r="D4726" s="14"/>
      <c r="E4726" s="14"/>
      <c r="F4726" s="16"/>
      <c r="G4726" s="2"/>
      <c r="H4726" s="2"/>
      <c r="I4726" s="2"/>
      <c r="J4726" s="2"/>
      <c r="K4726" s="2"/>
      <c r="L4726" s="2"/>
    </row>
    <row r="4727" spans="1:12" s="17" customFormat="1" ht="27" customHeight="1" x14ac:dyDescent="0.15">
      <c r="A4727" s="13"/>
      <c r="B4727" s="14"/>
      <c r="C4727" s="13"/>
      <c r="D4727" s="14"/>
      <c r="E4727" s="14"/>
      <c r="F4727" s="16"/>
      <c r="G4727" s="2"/>
      <c r="H4727" s="2"/>
      <c r="I4727" s="2"/>
      <c r="J4727" s="2"/>
      <c r="K4727" s="2"/>
      <c r="L4727" s="2"/>
    </row>
    <row r="4728" spans="1:12" s="17" customFormat="1" ht="27" customHeight="1" x14ac:dyDescent="0.15">
      <c r="A4728" s="13"/>
      <c r="B4728" s="14"/>
      <c r="C4728" s="13"/>
      <c r="D4728" s="14"/>
      <c r="E4728" s="14"/>
      <c r="F4728" s="16"/>
      <c r="G4728" s="2"/>
      <c r="H4728" s="2"/>
      <c r="I4728" s="2"/>
      <c r="J4728" s="2"/>
      <c r="K4728" s="2"/>
      <c r="L4728" s="2"/>
    </row>
    <row r="4729" spans="1:12" s="17" customFormat="1" ht="27" customHeight="1" x14ac:dyDescent="0.15">
      <c r="A4729" s="13"/>
      <c r="B4729" s="14"/>
      <c r="C4729" s="13"/>
      <c r="D4729" s="14"/>
      <c r="E4729" s="14"/>
      <c r="F4729" s="16"/>
      <c r="G4729" s="2"/>
      <c r="H4729" s="2"/>
      <c r="I4729" s="2"/>
      <c r="J4729" s="2"/>
      <c r="K4729" s="2"/>
      <c r="L4729" s="2"/>
    </row>
    <row r="4730" spans="1:12" s="17" customFormat="1" ht="27" customHeight="1" x14ac:dyDescent="0.15">
      <c r="A4730" s="13"/>
      <c r="B4730" s="14"/>
      <c r="C4730" s="13"/>
      <c r="D4730" s="14"/>
      <c r="E4730" s="14"/>
      <c r="F4730" s="16"/>
      <c r="G4730" s="2"/>
      <c r="H4730" s="2"/>
      <c r="I4730" s="2"/>
      <c r="J4730" s="2"/>
      <c r="K4730" s="2"/>
      <c r="L4730" s="2"/>
    </row>
    <row r="4731" spans="1:12" s="17" customFormat="1" ht="27" customHeight="1" x14ac:dyDescent="0.15">
      <c r="A4731" s="13"/>
      <c r="B4731" s="14"/>
      <c r="C4731" s="13"/>
      <c r="D4731" s="14"/>
      <c r="E4731" s="14"/>
      <c r="F4731" s="16"/>
      <c r="G4731" s="2"/>
      <c r="H4731" s="2"/>
      <c r="I4731" s="2"/>
      <c r="J4731" s="2"/>
      <c r="K4731" s="2"/>
      <c r="L4731" s="2"/>
    </row>
    <row r="4732" spans="1:12" s="17" customFormat="1" ht="27" customHeight="1" x14ac:dyDescent="0.15">
      <c r="A4732" s="13"/>
      <c r="B4732" s="14"/>
      <c r="C4732" s="13"/>
      <c r="D4732" s="14"/>
      <c r="E4732" s="14"/>
      <c r="F4732" s="16"/>
      <c r="G4732" s="2"/>
      <c r="H4732" s="2"/>
      <c r="I4732" s="2"/>
      <c r="J4732" s="2"/>
      <c r="K4732" s="2"/>
      <c r="L4732" s="2"/>
    </row>
    <row r="4733" spans="1:12" s="17" customFormat="1" ht="27" customHeight="1" x14ac:dyDescent="0.15">
      <c r="A4733" s="13"/>
      <c r="B4733" s="14"/>
      <c r="C4733" s="13"/>
      <c r="D4733" s="14"/>
      <c r="E4733" s="14"/>
      <c r="F4733" s="16"/>
      <c r="G4733" s="2"/>
      <c r="H4733" s="2"/>
      <c r="I4733" s="2"/>
      <c r="J4733" s="2"/>
      <c r="K4733" s="2"/>
      <c r="L4733" s="2"/>
    </row>
    <row r="4734" spans="1:12" s="17" customFormat="1" ht="27" customHeight="1" x14ac:dyDescent="0.15">
      <c r="A4734" s="13"/>
      <c r="B4734" s="14"/>
      <c r="C4734" s="13"/>
      <c r="D4734" s="14"/>
      <c r="E4734" s="14"/>
      <c r="F4734" s="16"/>
      <c r="G4734" s="2"/>
      <c r="H4734" s="2"/>
      <c r="I4734" s="2"/>
      <c r="J4734" s="2"/>
      <c r="K4734" s="2"/>
      <c r="L4734" s="2"/>
    </row>
    <row r="4735" spans="1:12" s="17" customFormat="1" ht="27" customHeight="1" x14ac:dyDescent="0.15">
      <c r="A4735" s="13"/>
      <c r="B4735" s="14"/>
      <c r="C4735" s="13"/>
      <c r="D4735" s="14"/>
      <c r="E4735" s="14"/>
      <c r="F4735" s="16"/>
      <c r="G4735" s="2"/>
      <c r="H4735" s="2"/>
      <c r="I4735" s="2"/>
      <c r="J4735" s="2"/>
      <c r="K4735" s="2"/>
      <c r="L4735" s="2"/>
    </row>
    <row r="4736" spans="1:12" s="17" customFormat="1" ht="27" customHeight="1" x14ac:dyDescent="0.15">
      <c r="A4736" s="13"/>
      <c r="B4736" s="14"/>
      <c r="C4736" s="13"/>
      <c r="D4736" s="14"/>
      <c r="E4736" s="14"/>
      <c r="F4736" s="16"/>
      <c r="G4736" s="2"/>
      <c r="H4736" s="2"/>
      <c r="I4736" s="2"/>
      <c r="J4736" s="2"/>
      <c r="K4736" s="2"/>
      <c r="L4736" s="2"/>
    </row>
    <row r="4737" spans="1:12" s="17" customFormat="1" ht="27" customHeight="1" x14ac:dyDescent="0.15">
      <c r="A4737" s="13"/>
      <c r="B4737" s="14"/>
      <c r="C4737" s="13"/>
      <c r="D4737" s="14"/>
      <c r="E4737" s="14"/>
      <c r="F4737" s="16"/>
      <c r="G4737" s="2"/>
      <c r="H4737" s="2"/>
      <c r="I4737" s="2"/>
      <c r="J4737" s="2"/>
      <c r="K4737" s="2"/>
      <c r="L4737" s="2"/>
    </row>
    <row r="4738" spans="1:12" s="17" customFormat="1" ht="27" customHeight="1" x14ac:dyDescent="0.15">
      <c r="A4738" s="13"/>
      <c r="B4738" s="14"/>
      <c r="C4738" s="13"/>
      <c r="D4738" s="14"/>
      <c r="E4738" s="14"/>
      <c r="F4738" s="16"/>
      <c r="G4738" s="2"/>
      <c r="H4738" s="2"/>
      <c r="I4738" s="2"/>
      <c r="J4738" s="2"/>
      <c r="K4738" s="2"/>
      <c r="L4738" s="2"/>
    </row>
    <row r="4739" spans="1:12" s="17" customFormat="1" ht="27" customHeight="1" x14ac:dyDescent="0.15">
      <c r="A4739" s="13"/>
      <c r="B4739" s="14"/>
      <c r="C4739" s="13"/>
      <c r="D4739" s="14"/>
      <c r="E4739" s="14"/>
      <c r="F4739" s="16"/>
      <c r="G4739" s="2"/>
      <c r="H4739" s="2"/>
      <c r="I4739" s="2"/>
      <c r="J4739" s="2"/>
      <c r="K4739" s="2"/>
      <c r="L4739" s="2"/>
    </row>
    <row r="4740" spans="1:12" s="17" customFormat="1" ht="27" customHeight="1" x14ac:dyDescent="0.15">
      <c r="A4740" s="13"/>
      <c r="B4740" s="14"/>
      <c r="C4740" s="13"/>
      <c r="D4740" s="14"/>
      <c r="E4740" s="14"/>
      <c r="F4740" s="16"/>
      <c r="G4740" s="2"/>
      <c r="H4740" s="2"/>
      <c r="I4740" s="2"/>
      <c r="J4740" s="2"/>
      <c r="K4740" s="2"/>
      <c r="L4740" s="2"/>
    </row>
    <row r="4741" spans="1:12" s="17" customFormat="1" ht="27" customHeight="1" x14ac:dyDescent="0.15">
      <c r="A4741" s="13"/>
      <c r="B4741" s="14"/>
      <c r="C4741" s="13"/>
      <c r="D4741" s="14"/>
      <c r="E4741" s="14"/>
      <c r="F4741" s="16"/>
      <c r="G4741" s="2"/>
      <c r="H4741" s="2"/>
      <c r="I4741" s="2"/>
      <c r="J4741" s="2"/>
      <c r="K4741" s="2"/>
      <c r="L4741" s="2"/>
    </row>
    <row r="4742" spans="1:12" s="17" customFormat="1" ht="27" customHeight="1" x14ac:dyDescent="0.15">
      <c r="A4742" s="13"/>
      <c r="B4742" s="14"/>
      <c r="C4742" s="13"/>
      <c r="D4742" s="14"/>
      <c r="E4742" s="14"/>
      <c r="F4742" s="16"/>
      <c r="G4742" s="2"/>
      <c r="H4742" s="2"/>
      <c r="I4742" s="2"/>
      <c r="J4742" s="2"/>
      <c r="K4742" s="2"/>
      <c r="L4742" s="2"/>
    </row>
    <row r="4743" spans="1:12" s="17" customFormat="1" ht="27" customHeight="1" x14ac:dyDescent="0.15">
      <c r="A4743" s="13"/>
      <c r="B4743" s="14"/>
      <c r="C4743" s="13"/>
      <c r="D4743" s="14"/>
      <c r="E4743" s="14"/>
      <c r="F4743" s="16"/>
      <c r="G4743" s="2"/>
      <c r="H4743" s="2"/>
      <c r="I4743" s="2"/>
      <c r="J4743" s="2"/>
      <c r="K4743" s="2"/>
      <c r="L4743" s="2"/>
    </row>
    <row r="4744" spans="1:12" s="17" customFormat="1" ht="27" customHeight="1" x14ac:dyDescent="0.15">
      <c r="A4744" s="13"/>
      <c r="B4744" s="14"/>
      <c r="C4744" s="13"/>
      <c r="D4744" s="14"/>
      <c r="E4744" s="14"/>
      <c r="F4744" s="16"/>
      <c r="G4744" s="2"/>
      <c r="H4744" s="2"/>
      <c r="I4744" s="2"/>
      <c r="J4744" s="2"/>
      <c r="K4744" s="2"/>
      <c r="L4744" s="2"/>
    </row>
    <row r="4745" spans="1:12" s="17" customFormat="1" ht="27" customHeight="1" x14ac:dyDescent="0.15">
      <c r="A4745" s="13"/>
      <c r="B4745" s="14"/>
      <c r="C4745" s="13"/>
      <c r="D4745" s="14"/>
      <c r="E4745" s="14"/>
      <c r="F4745" s="16"/>
      <c r="G4745" s="2"/>
      <c r="H4745" s="2"/>
      <c r="I4745" s="2"/>
      <c r="J4745" s="2"/>
      <c r="K4745" s="2"/>
      <c r="L4745" s="2"/>
    </row>
    <row r="4746" spans="1:12" s="17" customFormat="1" ht="27" customHeight="1" x14ac:dyDescent="0.15">
      <c r="A4746" s="13"/>
      <c r="B4746" s="14"/>
      <c r="C4746" s="13"/>
      <c r="D4746" s="14"/>
      <c r="E4746" s="14"/>
      <c r="F4746" s="16"/>
      <c r="G4746" s="2"/>
      <c r="H4746" s="2"/>
      <c r="I4746" s="2"/>
      <c r="J4746" s="2"/>
      <c r="K4746" s="2"/>
      <c r="L4746" s="2"/>
    </row>
    <row r="4747" spans="1:12" s="17" customFormat="1" ht="27" customHeight="1" x14ac:dyDescent="0.15">
      <c r="A4747" s="13"/>
      <c r="B4747" s="14"/>
      <c r="C4747" s="13"/>
      <c r="D4747" s="14"/>
      <c r="E4747" s="14"/>
      <c r="F4747" s="16"/>
      <c r="G4747" s="2"/>
      <c r="H4747" s="2"/>
      <c r="I4747" s="2"/>
      <c r="J4747" s="2"/>
      <c r="K4747" s="2"/>
      <c r="L4747" s="2"/>
    </row>
    <row r="4748" spans="1:12" s="17" customFormat="1" ht="27" customHeight="1" x14ac:dyDescent="0.15">
      <c r="A4748" s="13"/>
      <c r="B4748" s="14"/>
      <c r="C4748" s="13"/>
      <c r="D4748" s="14"/>
      <c r="E4748" s="14"/>
      <c r="F4748" s="16"/>
      <c r="G4748" s="2"/>
      <c r="H4748" s="2"/>
      <c r="I4748" s="2"/>
      <c r="J4748" s="2"/>
      <c r="K4748" s="2"/>
      <c r="L4748" s="2"/>
    </row>
    <row r="4749" spans="1:12" s="17" customFormat="1" ht="27" customHeight="1" x14ac:dyDescent="0.15">
      <c r="A4749" s="13"/>
      <c r="B4749" s="14"/>
      <c r="C4749" s="13"/>
      <c r="D4749" s="14"/>
      <c r="E4749" s="14"/>
      <c r="F4749" s="16"/>
      <c r="G4749" s="2"/>
      <c r="H4749" s="2"/>
      <c r="I4749" s="2"/>
      <c r="J4749" s="2"/>
      <c r="K4749" s="2"/>
      <c r="L4749" s="2"/>
    </row>
    <row r="4750" spans="1:12" s="17" customFormat="1" ht="27" customHeight="1" x14ac:dyDescent="0.15">
      <c r="A4750" s="13"/>
      <c r="B4750" s="14"/>
      <c r="C4750" s="13"/>
      <c r="D4750" s="14"/>
      <c r="E4750" s="14"/>
      <c r="F4750" s="16"/>
      <c r="G4750" s="2"/>
      <c r="H4750" s="2"/>
      <c r="I4750" s="2"/>
      <c r="J4750" s="2"/>
      <c r="K4750" s="2"/>
      <c r="L4750" s="2"/>
    </row>
    <row r="4751" spans="1:12" s="17" customFormat="1" ht="27" customHeight="1" x14ac:dyDescent="0.15">
      <c r="A4751" s="13"/>
      <c r="B4751" s="14"/>
      <c r="C4751" s="13"/>
      <c r="D4751" s="14"/>
      <c r="E4751" s="14"/>
      <c r="F4751" s="16"/>
      <c r="G4751" s="2"/>
      <c r="H4751" s="2"/>
      <c r="I4751" s="2"/>
      <c r="J4751" s="2"/>
      <c r="K4751" s="2"/>
      <c r="L4751" s="2"/>
    </row>
    <row r="4752" spans="1:12" s="17" customFormat="1" ht="27" customHeight="1" x14ac:dyDescent="0.15">
      <c r="A4752" s="13"/>
      <c r="B4752" s="14"/>
      <c r="C4752" s="13"/>
      <c r="D4752" s="14"/>
      <c r="E4752" s="14"/>
      <c r="F4752" s="16"/>
      <c r="G4752" s="2"/>
      <c r="H4752" s="2"/>
      <c r="I4752" s="2"/>
      <c r="J4752" s="2"/>
      <c r="K4752" s="2"/>
      <c r="L4752" s="2"/>
    </row>
    <row r="4753" spans="1:12" s="17" customFormat="1" ht="27" customHeight="1" x14ac:dyDescent="0.15">
      <c r="A4753" s="13"/>
      <c r="B4753" s="14"/>
      <c r="C4753" s="13"/>
      <c r="D4753" s="14"/>
      <c r="E4753" s="14"/>
      <c r="F4753" s="16"/>
      <c r="G4753" s="2"/>
      <c r="H4753" s="2"/>
      <c r="I4753" s="2"/>
      <c r="J4753" s="2"/>
      <c r="K4753" s="2"/>
      <c r="L4753" s="2"/>
    </row>
    <row r="4754" spans="1:12" s="17" customFormat="1" ht="27" customHeight="1" x14ac:dyDescent="0.15">
      <c r="A4754" s="13"/>
      <c r="B4754" s="14"/>
      <c r="C4754" s="13"/>
      <c r="D4754" s="14"/>
      <c r="E4754" s="14"/>
      <c r="F4754" s="16"/>
      <c r="G4754" s="2"/>
      <c r="H4754" s="2"/>
      <c r="I4754" s="2"/>
      <c r="J4754" s="2"/>
      <c r="K4754" s="2"/>
      <c r="L4754" s="2"/>
    </row>
    <row r="4755" spans="1:12" s="17" customFormat="1" ht="27" customHeight="1" x14ac:dyDescent="0.15">
      <c r="A4755" s="13"/>
      <c r="B4755" s="14"/>
      <c r="C4755" s="13"/>
      <c r="D4755" s="14"/>
      <c r="E4755" s="14"/>
      <c r="F4755" s="16"/>
      <c r="G4755" s="2"/>
      <c r="H4755" s="2"/>
      <c r="I4755" s="2"/>
      <c r="J4755" s="2"/>
      <c r="K4755" s="2"/>
      <c r="L4755" s="2"/>
    </row>
    <row r="4756" spans="1:12" s="17" customFormat="1" ht="27" customHeight="1" x14ac:dyDescent="0.15">
      <c r="A4756" s="13"/>
      <c r="B4756" s="14"/>
      <c r="C4756" s="13"/>
      <c r="D4756" s="14"/>
      <c r="E4756" s="14"/>
      <c r="F4756" s="16"/>
      <c r="G4756" s="2"/>
      <c r="H4756" s="2"/>
      <c r="I4756" s="2"/>
      <c r="J4756" s="2"/>
      <c r="K4756" s="2"/>
      <c r="L4756" s="2"/>
    </row>
    <row r="4757" spans="1:12" s="17" customFormat="1" ht="27" customHeight="1" x14ac:dyDescent="0.15">
      <c r="A4757" s="13"/>
      <c r="B4757" s="14"/>
      <c r="C4757" s="13"/>
      <c r="D4757" s="14"/>
      <c r="E4757" s="14"/>
      <c r="F4757" s="16"/>
      <c r="G4757" s="2"/>
      <c r="H4757" s="2"/>
      <c r="I4757" s="2"/>
      <c r="J4757" s="2"/>
      <c r="K4757" s="2"/>
      <c r="L4757" s="2"/>
    </row>
    <row r="4758" spans="1:12" s="17" customFormat="1" ht="27" customHeight="1" x14ac:dyDescent="0.15">
      <c r="A4758" s="13"/>
      <c r="B4758" s="14"/>
      <c r="C4758" s="13"/>
      <c r="D4758" s="14"/>
      <c r="E4758" s="14"/>
      <c r="F4758" s="16"/>
      <c r="G4758" s="2"/>
      <c r="H4758" s="2"/>
      <c r="I4758" s="2"/>
      <c r="J4758" s="2"/>
      <c r="K4758" s="2"/>
      <c r="L4758" s="2"/>
    </row>
    <row r="4759" spans="1:12" s="17" customFormat="1" ht="27" customHeight="1" x14ac:dyDescent="0.15">
      <c r="A4759" s="13"/>
      <c r="B4759" s="14"/>
      <c r="C4759" s="13"/>
      <c r="D4759" s="14"/>
      <c r="E4759" s="14"/>
      <c r="F4759" s="16"/>
      <c r="G4759" s="2"/>
      <c r="H4759" s="2"/>
      <c r="I4759" s="2"/>
      <c r="J4759" s="2"/>
      <c r="K4759" s="2"/>
      <c r="L4759" s="2"/>
    </row>
    <row r="4760" spans="1:12" s="17" customFormat="1" ht="27" customHeight="1" x14ac:dyDescent="0.15">
      <c r="A4760" s="13"/>
      <c r="B4760" s="14"/>
      <c r="C4760" s="13"/>
      <c r="D4760" s="14"/>
      <c r="E4760" s="14"/>
      <c r="F4760" s="16"/>
      <c r="G4760" s="2"/>
      <c r="H4760" s="2"/>
      <c r="I4760" s="2"/>
      <c r="J4760" s="2"/>
      <c r="K4760" s="2"/>
      <c r="L4760" s="2"/>
    </row>
    <row r="4761" spans="1:12" s="17" customFormat="1" ht="27" customHeight="1" x14ac:dyDescent="0.15">
      <c r="A4761" s="13"/>
      <c r="B4761" s="14"/>
      <c r="C4761" s="13"/>
      <c r="D4761" s="14"/>
      <c r="E4761" s="14"/>
      <c r="F4761" s="16"/>
      <c r="G4761" s="2"/>
      <c r="H4761" s="2"/>
      <c r="I4761" s="2"/>
      <c r="J4761" s="2"/>
      <c r="K4761" s="2"/>
      <c r="L4761" s="2"/>
    </row>
    <row r="4762" spans="1:12" s="17" customFormat="1" ht="27" customHeight="1" x14ac:dyDescent="0.15">
      <c r="A4762" s="13"/>
      <c r="B4762" s="14"/>
      <c r="C4762" s="13"/>
      <c r="D4762" s="14"/>
      <c r="E4762" s="14"/>
      <c r="F4762" s="16"/>
      <c r="G4762" s="2"/>
      <c r="H4762" s="2"/>
      <c r="I4762" s="2"/>
      <c r="J4762" s="2"/>
      <c r="K4762" s="2"/>
      <c r="L4762" s="2"/>
    </row>
    <row r="4763" spans="1:12" s="17" customFormat="1" ht="27" customHeight="1" x14ac:dyDescent="0.15">
      <c r="A4763" s="13"/>
      <c r="B4763" s="14"/>
      <c r="C4763" s="13"/>
      <c r="D4763" s="14"/>
      <c r="E4763" s="14"/>
      <c r="F4763" s="16"/>
      <c r="G4763" s="2"/>
      <c r="H4763" s="2"/>
      <c r="I4763" s="2"/>
      <c r="J4763" s="2"/>
      <c r="K4763" s="2"/>
      <c r="L4763" s="2"/>
    </row>
    <row r="4764" spans="1:12" s="17" customFormat="1" ht="27" customHeight="1" x14ac:dyDescent="0.15">
      <c r="A4764" s="13"/>
      <c r="B4764" s="14"/>
      <c r="C4764" s="13"/>
      <c r="D4764" s="14"/>
      <c r="E4764" s="14"/>
      <c r="F4764" s="16"/>
      <c r="G4764" s="2"/>
      <c r="H4764" s="2"/>
      <c r="I4764" s="2"/>
      <c r="J4764" s="2"/>
      <c r="K4764" s="2"/>
      <c r="L4764" s="2"/>
    </row>
    <row r="4765" spans="1:12" s="17" customFormat="1" ht="27" customHeight="1" x14ac:dyDescent="0.15">
      <c r="A4765" s="13"/>
      <c r="B4765" s="14"/>
      <c r="C4765" s="13"/>
      <c r="D4765" s="14"/>
      <c r="E4765" s="14"/>
      <c r="F4765" s="16"/>
      <c r="G4765" s="2"/>
      <c r="H4765" s="2"/>
      <c r="I4765" s="2"/>
      <c r="J4765" s="2"/>
      <c r="K4765" s="2"/>
      <c r="L4765" s="2"/>
    </row>
    <row r="4766" spans="1:12" s="17" customFormat="1" ht="27" customHeight="1" x14ac:dyDescent="0.15">
      <c r="A4766" s="13"/>
      <c r="B4766" s="14"/>
      <c r="C4766" s="13"/>
      <c r="D4766" s="14"/>
      <c r="E4766" s="14"/>
      <c r="F4766" s="16"/>
      <c r="G4766" s="2"/>
      <c r="H4766" s="2"/>
      <c r="I4766" s="2"/>
      <c r="J4766" s="2"/>
      <c r="K4766" s="2"/>
      <c r="L4766" s="2"/>
    </row>
    <row r="4767" spans="1:12" s="17" customFormat="1" ht="27" customHeight="1" x14ac:dyDescent="0.15">
      <c r="A4767" s="13"/>
      <c r="B4767" s="14"/>
      <c r="C4767" s="13"/>
      <c r="D4767" s="14"/>
      <c r="E4767" s="14"/>
      <c r="F4767" s="16"/>
      <c r="G4767" s="2"/>
      <c r="H4767" s="2"/>
      <c r="I4767" s="2"/>
      <c r="J4767" s="2"/>
      <c r="K4767" s="2"/>
      <c r="L4767" s="2"/>
    </row>
    <row r="4768" spans="1:12" s="17" customFormat="1" ht="27" customHeight="1" x14ac:dyDescent="0.15">
      <c r="A4768" s="13"/>
      <c r="B4768" s="14"/>
      <c r="C4768" s="13"/>
      <c r="D4768" s="14"/>
      <c r="E4768" s="14"/>
      <c r="F4768" s="16"/>
      <c r="G4768" s="2"/>
      <c r="H4768" s="2"/>
      <c r="I4768" s="2"/>
      <c r="J4768" s="2"/>
      <c r="K4768" s="2"/>
      <c r="L4768" s="2"/>
    </row>
    <row r="4769" spans="1:12" s="17" customFormat="1" ht="27" customHeight="1" x14ac:dyDescent="0.15">
      <c r="A4769" s="13"/>
      <c r="B4769" s="14"/>
      <c r="C4769" s="13"/>
      <c r="D4769" s="14"/>
      <c r="E4769" s="14"/>
      <c r="F4769" s="16"/>
      <c r="G4769" s="2"/>
      <c r="H4769" s="2"/>
      <c r="I4769" s="2"/>
      <c r="J4769" s="2"/>
      <c r="K4769" s="2"/>
      <c r="L4769" s="2"/>
    </row>
    <row r="4770" spans="1:12" s="17" customFormat="1" ht="27" customHeight="1" x14ac:dyDescent="0.15">
      <c r="A4770" s="13"/>
      <c r="B4770" s="14"/>
      <c r="C4770" s="13"/>
      <c r="D4770" s="14"/>
      <c r="E4770" s="14"/>
      <c r="F4770" s="16"/>
      <c r="G4770" s="2"/>
      <c r="H4770" s="2"/>
      <c r="I4770" s="2"/>
      <c r="J4770" s="2"/>
      <c r="K4770" s="2"/>
      <c r="L4770" s="2"/>
    </row>
    <row r="4771" spans="1:12" s="17" customFormat="1" ht="27" customHeight="1" x14ac:dyDescent="0.15">
      <c r="A4771" s="13"/>
      <c r="B4771" s="14"/>
      <c r="C4771" s="13"/>
      <c r="D4771" s="14"/>
      <c r="E4771" s="14"/>
      <c r="F4771" s="16"/>
      <c r="G4771" s="2"/>
      <c r="H4771" s="2"/>
      <c r="I4771" s="2"/>
      <c r="J4771" s="2"/>
      <c r="K4771" s="2"/>
      <c r="L4771" s="2"/>
    </row>
    <row r="4772" spans="1:12" s="17" customFormat="1" ht="27" customHeight="1" x14ac:dyDescent="0.15">
      <c r="A4772" s="13"/>
      <c r="B4772" s="14"/>
      <c r="C4772" s="13"/>
      <c r="D4772" s="14"/>
      <c r="E4772" s="14"/>
      <c r="F4772" s="16"/>
      <c r="G4772" s="2"/>
      <c r="H4772" s="2"/>
      <c r="I4772" s="2"/>
      <c r="J4772" s="2"/>
      <c r="K4772" s="2"/>
      <c r="L4772" s="2"/>
    </row>
    <row r="4773" spans="1:12" s="17" customFormat="1" ht="27" customHeight="1" x14ac:dyDescent="0.15">
      <c r="A4773" s="13"/>
      <c r="B4773" s="14"/>
      <c r="C4773" s="13"/>
      <c r="D4773" s="14"/>
      <c r="E4773" s="14"/>
      <c r="F4773" s="16"/>
      <c r="G4773" s="2"/>
      <c r="H4773" s="2"/>
      <c r="I4773" s="2"/>
      <c r="J4773" s="2"/>
      <c r="K4773" s="2"/>
      <c r="L4773" s="2"/>
    </row>
    <row r="4774" spans="1:12" s="17" customFormat="1" ht="27" customHeight="1" x14ac:dyDescent="0.15">
      <c r="A4774" s="13"/>
      <c r="B4774" s="14"/>
      <c r="C4774" s="13"/>
      <c r="D4774" s="14"/>
      <c r="E4774" s="14"/>
      <c r="F4774" s="16"/>
      <c r="G4774" s="2"/>
      <c r="H4774" s="2"/>
      <c r="I4774" s="2"/>
      <c r="J4774" s="2"/>
      <c r="K4774" s="2"/>
      <c r="L4774" s="2"/>
    </row>
    <row r="4775" spans="1:12" s="17" customFormat="1" ht="27" customHeight="1" x14ac:dyDescent="0.15">
      <c r="A4775" s="13"/>
      <c r="B4775" s="14"/>
      <c r="C4775" s="13"/>
      <c r="D4775" s="14"/>
      <c r="E4775" s="14"/>
      <c r="F4775" s="16"/>
      <c r="G4775" s="2"/>
      <c r="H4775" s="2"/>
      <c r="I4775" s="2"/>
      <c r="J4775" s="2"/>
      <c r="K4775" s="2"/>
      <c r="L4775" s="2"/>
    </row>
    <row r="4776" spans="1:12" s="17" customFormat="1" ht="27" customHeight="1" x14ac:dyDescent="0.15">
      <c r="A4776" s="13"/>
      <c r="B4776" s="14"/>
      <c r="C4776" s="13"/>
      <c r="D4776" s="14"/>
      <c r="E4776" s="14"/>
      <c r="F4776" s="16"/>
      <c r="G4776" s="2"/>
      <c r="H4776" s="2"/>
      <c r="I4776" s="2"/>
      <c r="J4776" s="2"/>
      <c r="K4776" s="2"/>
      <c r="L4776" s="2"/>
    </row>
    <row r="4777" spans="1:12" s="17" customFormat="1" ht="27" customHeight="1" x14ac:dyDescent="0.15">
      <c r="A4777" s="13"/>
      <c r="B4777" s="14"/>
      <c r="C4777" s="13"/>
      <c r="D4777" s="14"/>
      <c r="E4777" s="14"/>
      <c r="F4777" s="16"/>
      <c r="G4777" s="2"/>
      <c r="H4777" s="2"/>
      <c r="I4777" s="2"/>
      <c r="J4777" s="2"/>
      <c r="K4777" s="2"/>
      <c r="L4777" s="2"/>
    </row>
    <row r="4778" spans="1:12" s="17" customFormat="1" ht="27" customHeight="1" x14ac:dyDescent="0.15">
      <c r="A4778" s="13"/>
      <c r="B4778" s="14"/>
      <c r="C4778" s="13"/>
      <c r="D4778" s="14"/>
      <c r="E4778" s="14"/>
      <c r="F4778" s="16"/>
      <c r="G4778" s="2"/>
      <c r="H4778" s="2"/>
      <c r="I4778" s="2"/>
      <c r="J4778" s="2"/>
      <c r="K4778" s="2"/>
      <c r="L4778" s="2"/>
    </row>
    <row r="4779" spans="1:12" s="17" customFormat="1" ht="27" customHeight="1" x14ac:dyDescent="0.15">
      <c r="A4779" s="13"/>
      <c r="B4779" s="14"/>
      <c r="C4779" s="13"/>
      <c r="D4779" s="14"/>
      <c r="E4779" s="14"/>
      <c r="F4779" s="16"/>
      <c r="G4779" s="2"/>
      <c r="H4779" s="2"/>
      <c r="I4779" s="2"/>
      <c r="J4779" s="2"/>
      <c r="K4779" s="2"/>
      <c r="L4779" s="2"/>
    </row>
    <row r="4780" spans="1:12" s="17" customFormat="1" ht="27" customHeight="1" x14ac:dyDescent="0.15">
      <c r="A4780" s="13"/>
      <c r="B4780" s="14"/>
      <c r="C4780" s="13"/>
      <c r="D4780" s="14"/>
      <c r="E4780" s="14"/>
      <c r="F4780" s="16"/>
      <c r="G4780" s="2"/>
      <c r="H4780" s="2"/>
      <c r="I4780" s="2"/>
      <c r="J4780" s="2"/>
      <c r="K4780" s="2"/>
      <c r="L4780" s="2"/>
    </row>
    <row r="4781" spans="1:12" s="17" customFormat="1" ht="27" customHeight="1" x14ac:dyDescent="0.15">
      <c r="A4781" s="13"/>
      <c r="B4781" s="14"/>
      <c r="C4781" s="13"/>
      <c r="D4781" s="14"/>
      <c r="E4781" s="14"/>
      <c r="F4781" s="16"/>
      <c r="G4781" s="2"/>
      <c r="H4781" s="2"/>
      <c r="I4781" s="2"/>
      <c r="J4781" s="2"/>
      <c r="K4781" s="2"/>
      <c r="L4781" s="2"/>
    </row>
    <row r="4782" spans="1:12" s="17" customFormat="1" ht="27" customHeight="1" x14ac:dyDescent="0.15">
      <c r="A4782" s="13"/>
      <c r="B4782" s="14"/>
      <c r="C4782" s="13"/>
      <c r="D4782" s="14"/>
      <c r="E4782" s="14"/>
      <c r="F4782" s="16"/>
      <c r="G4782" s="2"/>
      <c r="H4782" s="2"/>
      <c r="I4782" s="2"/>
      <c r="J4782" s="2"/>
      <c r="K4782" s="2"/>
      <c r="L4782" s="2"/>
    </row>
    <row r="4783" spans="1:12" s="17" customFormat="1" ht="27" customHeight="1" x14ac:dyDescent="0.15">
      <c r="A4783" s="13"/>
      <c r="B4783" s="14"/>
      <c r="C4783" s="13"/>
      <c r="D4783" s="14"/>
      <c r="E4783" s="14"/>
      <c r="F4783" s="16"/>
      <c r="G4783" s="2"/>
      <c r="H4783" s="2"/>
      <c r="I4783" s="2"/>
      <c r="J4783" s="2"/>
      <c r="K4783" s="2"/>
      <c r="L4783" s="2"/>
    </row>
    <row r="4784" spans="1:12" s="17" customFormat="1" ht="27" customHeight="1" x14ac:dyDescent="0.15">
      <c r="A4784" s="13"/>
      <c r="B4784" s="14"/>
      <c r="C4784" s="13"/>
      <c r="D4784" s="14"/>
      <c r="E4784" s="14"/>
      <c r="F4784" s="16"/>
      <c r="G4784" s="2"/>
      <c r="H4784" s="2"/>
      <c r="I4784" s="2"/>
      <c r="J4784" s="2"/>
      <c r="K4784" s="2"/>
      <c r="L4784" s="2"/>
    </row>
    <row r="4785" spans="1:12" s="17" customFormat="1" ht="27" customHeight="1" x14ac:dyDescent="0.15">
      <c r="A4785" s="13"/>
      <c r="B4785" s="14"/>
      <c r="C4785" s="13"/>
      <c r="D4785" s="14"/>
      <c r="E4785" s="14"/>
      <c r="F4785" s="16"/>
      <c r="G4785" s="2"/>
      <c r="H4785" s="2"/>
      <c r="I4785" s="2"/>
      <c r="J4785" s="2"/>
      <c r="K4785" s="2"/>
      <c r="L4785" s="2"/>
    </row>
    <row r="4786" spans="1:12" s="17" customFormat="1" ht="27" customHeight="1" x14ac:dyDescent="0.15">
      <c r="A4786" s="13"/>
      <c r="B4786" s="14"/>
      <c r="C4786" s="13"/>
      <c r="D4786" s="14"/>
      <c r="E4786" s="14"/>
      <c r="F4786" s="16"/>
      <c r="G4786" s="2"/>
      <c r="H4786" s="2"/>
      <c r="I4786" s="2"/>
      <c r="J4786" s="2"/>
      <c r="K4786" s="2"/>
      <c r="L4786" s="2"/>
    </row>
    <row r="4787" spans="1:12" s="17" customFormat="1" ht="27" customHeight="1" x14ac:dyDescent="0.15">
      <c r="A4787" s="13"/>
      <c r="B4787" s="14"/>
      <c r="C4787" s="13"/>
      <c r="D4787" s="14"/>
      <c r="E4787" s="14"/>
      <c r="F4787" s="16"/>
      <c r="G4787" s="2"/>
      <c r="H4787" s="2"/>
      <c r="I4787" s="2"/>
      <c r="J4787" s="2"/>
      <c r="K4787" s="2"/>
      <c r="L4787" s="2"/>
    </row>
    <row r="4788" spans="1:12" s="17" customFormat="1" ht="27" customHeight="1" x14ac:dyDescent="0.15">
      <c r="A4788" s="13"/>
      <c r="B4788" s="14"/>
      <c r="C4788" s="13"/>
      <c r="D4788" s="14"/>
      <c r="E4788" s="14"/>
      <c r="F4788" s="16"/>
      <c r="G4788" s="2"/>
      <c r="H4788" s="2"/>
      <c r="I4788" s="2"/>
      <c r="J4788" s="2"/>
      <c r="K4788" s="2"/>
      <c r="L4788" s="2"/>
    </row>
    <row r="4789" spans="1:12" s="17" customFormat="1" ht="27" customHeight="1" x14ac:dyDescent="0.15">
      <c r="A4789" s="13"/>
      <c r="B4789" s="14"/>
      <c r="C4789" s="13"/>
      <c r="D4789" s="14"/>
      <c r="E4789" s="14"/>
      <c r="F4789" s="16"/>
      <c r="G4789" s="2"/>
      <c r="H4789" s="2"/>
      <c r="I4789" s="2"/>
      <c r="J4789" s="2"/>
      <c r="K4789" s="2"/>
      <c r="L4789" s="2"/>
    </row>
    <row r="4790" spans="1:12" s="17" customFormat="1" ht="27" customHeight="1" x14ac:dyDescent="0.15">
      <c r="A4790" s="13"/>
      <c r="B4790" s="14"/>
      <c r="C4790" s="13"/>
      <c r="D4790" s="14"/>
      <c r="E4790" s="14"/>
      <c r="F4790" s="16"/>
      <c r="G4790" s="2"/>
      <c r="H4790" s="2"/>
      <c r="I4790" s="2"/>
      <c r="J4790" s="2"/>
      <c r="K4790" s="2"/>
      <c r="L4790" s="2"/>
    </row>
    <row r="4791" spans="1:12" s="17" customFormat="1" ht="27" customHeight="1" x14ac:dyDescent="0.15">
      <c r="A4791" s="13"/>
      <c r="B4791" s="14"/>
      <c r="C4791" s="13"/>
      <c r="D4791" s="14"/>
      <c r="E4791" s="14"/>
      <c r="F4791" s="16"/>
      <c r="G4791" s="2"/>
      <c r="H4791" s="2"/>
      <c r="I4791" s="2"/>
      <c r="J4791" s="2"/>
      <c r="K4791" s="2"/>
      <c r="L4791" s="2"/>
    </row>
    <row r="4792" spans="1:12" s="17" customFormat="1" ht="27" customHeight="1" x14ac:dyDescent="0.15">
      <c r="A4792" s="13"/>
      <c r="B4792" s="14"/>
      <c r="C4792" s="13"/>
      <c r="D4792" s="14"/>
      <c r="E4792" s="14"/>
      <c r="F4792" s="16"/>
      <c r="G4792" s="2"/>
      <c r="H4792" s="2"/>
      <c r="I4792" s="2"/>
      <c r="J4792" s="2"/>
      <c r="K4792" s="2"/>
      <c r="L4792" s="2"/>
    </row>
    <row r="4793" spans="1:12" s="17" customFormat="1" ht="27" customHeight="1" x14ac:dyDescent="0.15">
      <c r="A4793" s="13"/>
      <c r="B4793" s="14"/>
      <c r="C4793" s="13"/>
      <c r="D4793" s="14"/>
      <c r="E4793" s="14"/>
      <c r="F4793" s="16"/>
      <c r="G4793" s="2"/>
      <c r="H4793" s="2"/>
      <c r="I4793" s="2"/>
      <c r="J4793" s="2"/>
      <c r="K4793" s="2"/>
      <c r="L4793" s="2"/>
    </row>
    <row r="4794" spans="1:12" s="17" customFormat="1" ht="27" customHeight="1" x14ac:dyDescent="0.15">
      <c r="A4794" s="13"/>
      <c r="B4794" s="14"/>
      <c r="C4794" s="13"/>
      <c r="D4794" s="14"/>
      <c r="E4794" s="14"/>
      <c r="F4794" s="16"/>
      <c r="G4794" s="2"/>
      <c r="H4794" s="2"/>
      <c r="I4794" s="2"/>
      <c r="J4794" s="2"/>
      <c r="K4794" s="2"/>
      <c r="L4794" s="2"/>
    </row>
    <row r="4795" spans="1:12" s="17" customFormat="1" ht="27" customHeight="1" x14ac:dyDescent="0.15">
      <c r="A4795" s="13"/>
      <c r="B4795" s="14"/>
      <c r="C4795" s="13"/>
      <c r="D4795" s="14"/>
      <c r="E4795" s="14"/>
      <c r="F4795" s="16"/>
      <c r="G4795" s="2"/>
      <c r="H4795" s="2"/>
      <c r="I4795" s="2"/>
      <c r="J4795" s="2"/>
      <c r="K4795" s="2"/>
      <c r="L4795" s="2"/>
    </row>
    <row r="4796" spans="1:12" s="17" customFormat="1" ht="27" customHeight="1" x14ac:dyDescent="0.15">
      <c r="A4796" s="13"/>
      <c r="B4796" s="14"/>
      <c r="C4796" s="13"/>
      <c r="D4796" s="14"/>
      <c r="E4796" s="14"/>
      <c r="F4796" s="16"/>
      <c r="G4796" s="2"/>
      <c r="H4796" s="2"/>
      <c r="I4796" s="2"/>
      <c r="J4796" s="2"/>
      <c r="K4796" s="2"/>
      <c r="L4796" s="2"/>
    </row>
    <row r="4797" spans="1:12" s="17" customFormat="1" ht="27" customHeight="1" x14ac:dyDescent="0.15">
      <c r="A4797" s="13"/>
      <c r="B4797" s="14"/>
      <c r="C4797" s="13"/>
      <c r="D4797" s="14"/>
      <c r="E4797" s="14"/>
      <c r="F4797" s="16"/>
      <c r="G4797" s="2"/>
      <c r="H4797" s="2"/>
      <c r="I4797" s="2"/>
      <c r="J4797" s="2"/>
      <c r="K4797" s="2"/>
      <c r="L4797" s="2"/>
    </row>
    <row r="4798" spans="1:12" s="17" customFormat="1" ht="27" customHeight="1" x14ac:dyDescent="0.15">
      <c r="A4798" s="13"/>
      <c r="B4798" s="14"/>
      <c r="C4798" s="13"/>
      <c r="D4798" s="14"/>
      <c r="E4798" s="14"/>
      <c r="F4798" s="16"/>
      <c r="G4798" s="2"/>
      <c r="H4798" s="2"/>
      <c r="I4798" s="2"/>
      <c r="J4798" s="2"/>
      <c r="K4798" s="2"/>
      <c r="L4798" s="2"/>
    </row>
    <row r="4799" spans="1:12" s="17" customFormat="1" ht="27" customHeight="1" x14ac:dyDescent="0.15">
      <c r="A4799" s="13"/>
      <c r="B4799" s="14"/>
      <c r="C4799" s="13"/>
      <c r="D4799" s="14"/>
      <c r="E4799" s="14"/>
      <c r="F4799" s="16"/>
      <c r="G4799" s="2"/>
      <c r="H4799" s="2"/>
      <c r="I4799" s="2"/>
      <c r="J4799" s="2"/>
      <c r="K4799" s="2"/>
      <c r="L4799" s="2"/>
    </row>
    <row r="4800" spans="1:12" s="17" customFormat="1" ht="27" customHeight="1" x14ac:dyDescent="0.15">
      <c r="A4800" s="13"/>
      <c r="B4800" s="14"/>
      <c r="C4800" s="13"/>
      <c r="D4800" s="14"/>
      <c r="E4800" s="14"/>
      <c r="F4800" s="16"/>
      <c r="G4800" s="2"/>
      <c r="H4800" s="2"/>
      <c r="I4800" s="2"/>
      <c r="J4800" s="2"/>
      <c r="K4800" s="2"/>
      <c r="L4800" s="2"/>
    </row>
    <row r="4801" spans="1:12" s="17" customFormat="1" ht="27" customHeight="1" x14ac:dyDescent="0.15">
      <c r="A4801" s="13"/>
      <c r="B4801" s="14"/>
      <c r="C4801" s="13"/>
      <c r="D4801" s="14"/>
      <c r="E4801" s="14"/>
      <c r="F4801" s="16"/>
      <c r="G4801" s="2"/>
      <c r="H4801" s="2"/>
      <c r="I4801" s="2"/>
      <c r="J4801" s="2"/>
      <c r="K4801" s="2"/>
      <c r="L4801" s="2"/>
    </row>
    <row r="4802" spans="1:12" s="17" customFormat="1" ht="27" customHeight="1" x14ac:dyDescent="0.15">
      <c r="A4802" s="13"/>
      <c r="B4802" s="14"/>
      <c r="C4802" s="13"/>
      <c r="D4802" s="14"/>
      <c r="E4802" s="14"/>
      <c r="F4802" s="16"/>
      <c r="G4802" s="2"/>
      <c r="H4802" s="2"/>
      <c r="I4802" s="2"/>
      <c r="J4802" s="2"/>
      <c r="K4802" s="2"/>
      <c r="L4802" s="2"/>
    </row>
    <row r="4803" spans="1:12" s="17" customFormat="1" ht="27" customHeight="1" x14ac:dyDescent="0.15">
      <c r="A4803" s="13"/>
      <c r="B4803" s="14"/>
      <c r="C4803" s="13"/>
      <c r="D4803" s="14"/>
      <c r="E4803" s="14"/>
      <c r="F4803" s="16"/>
      <c r="G4803" s="2"/>
      <c r="H4803" s="2"/>
      <c r="I4803" s="2"/>
      <c r="J4803" s="2"/>
      <c r="K4803" s="2"/>
      <c r="L4803" s="2"/>
    </row>
    <row r="4804" spans="1:12" s="17" customFormat="1" ht="27" customHeight="1" x14ac:dyDescent="0.15">
      <c r="A4804" s="13"/>
      <c r="B4804" s="14"/>
      <c r="C4804" s="13"/>
      <c r="D4804" s="14"/>
      <c r="E4804" s="14"/>
      <c r="F4804" s="16"/>
      <c r="G4804" s="2"/>
      <c r="H4804" s="2"/>
      <c r="I4804" s="2"/>
      <c r="J4804" s="2"/>
      <c r="K4804" s="2"/>
      <c r="L4804" s="2"/>
    </row>
    <row r="4805" spans="1:12" s="17" customFormat="1" ht="27" customHeight="1" x14ac:dyDescent="0.15">
      <c r="A4805" s="13"/>
      <c r="B4805" s="14"/>
      <c r="C4805" s="13"/>
      <c r="D4805" s="14"/>
      <c r="E4805" s="14"/>
      <c r="F4805" s="16"/>
      <c r="G4805" s="2"/>
      <c r="H4805" s="2"/>
      <c r="I4805" s="2"/>
      <c r="J4805" s="2"/>
      <c r="K4805" s="2"/>
      <c r="L4805" s="2"/>
    </row>
    <row r="4806" spans="1:12" s="17" customFormat="1" ht="27" customHeight="1" x14ac:dyDescent="0.15">
      <c r="A4806" s="13"/>
      <c r="B4806" s="14"/>
      <c r="C4806" s="13"/>
      <c r="D4806" s="14"/>
      <c r="E4806" s="14"/>
      <c r="F4806" s="16"/>
      <c r="G4806" s="2"/>
      <c r="H4806" s="2"/>
      <c r="I4806" s="2"/>
      <c r="J4806" s="2"/>
      <c r="K4806" s="2"/>
      <c r="L4806" s="2"/>
    </row>
    <row r="4807" spans="1:12" s="17" customFormat="1" ht="27" customHeight="1" x14ac:dyDescent="0.15">
      <c r="A4807" s="13"/>
      <c r="B4807" s="14"/>
      <c r="C4807" s="13"/>
      <c r="D4807" s="14"/>
      <c r="E4807" s="14"/>
      <c r="F4807" s="16"/>
      <c r="G4807" s="2"/>
      <c r="H4807" s="2"/>
      <c r="I4807" s="2"/>
      <c r="J4807" s="2"/>
      <c r="K4807" s="2"/>
      <c r="L4807" s="2"/>
    </row>
    <row r="4808" spans="1:12" s="17" customFormat="1" ht="27" customHeight="1" x14ac:dyDescent="0.15">
      <c r="A4808" s="13"/>
      <c r="B4808" s="14"/>
      <c r="C4808" s="13"/>
      <c r="D4808" s="14"/>
      <c r="E4808" s="14"/>
      <c r="F4808" s="16"/>
      <c r="G4808" s="2"/>
      <c r="H4808" s="2"/>
      <c r="I4808" s="2"/>
      <c r="J4808" s="2"/>
      <c r="K4808" s="2"/>
      <c r="L4808" s="2"/>
    </row>
    <row r="4809" spans="1:12" s="17" customFormat="1" ht="27" customHeight="1" x14ac:dyDescent="0.15">
      <c r="A4809" s="13"/>
      <c r="B4809" s="14"/>
      <c r="C4809" s="13"/>
      <c r="D4809" s="14"/>
      <c r="E4809" s="14"/>
      <c r="F4809" s="16"/>
      <c r="G4809" s="2"/>
      <c r="H4809" s="2"/>
      <c r="I4809" s="2"/>
      <c r="J4809" s="2"/>
      <c r="K4809" s="2"/>
      <c r="L4809" s="2"/>
    </row>
    <row r="4810" spans="1:12" s="17" customFormat="1" ht="27" customHeight="1" x14ac:dyDescent="0.15">
      <c r="A4810" s="13"/>
      <c r="B4810" s="14"/>
      <c r="C4810" s="13"/>
      <c r="D4810" s="14"/>
      <c r="E4810" s="14"/>
      <c r="F4810" s="16"/>
      <c r="G4810" s="2"/>
      <c r="H4810" s="2"/>
      <c r="I4810" s="2"/>
      <c r="J4810" s="2"/>
      <c r="K4810" s="2"/>
      <c r="L4810" s="2"/>
    </row>
    <row r="4811" spans="1:12" s="17" customFormat="1" ht="27" customHeight="1" x14ac:dyDescent="0.15">
      <c r="A4811" s="13"/>
      <c r="B4811" s="14"/>
      <c r="C4811" s="13"/>
      <c r="D4811" s="14"/>
      <c r="E4811" s="14"/>
      <c r="F4811" s="16"/>
      <c r="G4811" s="2"/>
      <c r="H4811" s="2"/>
      <c r="I4811" s="2"/>
      <c r="J4811" s="2"/>
      <c r="K4811" s="2"/>
      <c r="L4811" s="2"/>
    </row>
    <row r="4812" spans="1:12" s="17" customFormat="1" ht="27" customHeight="1" x14ac:dyDescent="0.15">
      <c r="A4812" s="13"/>
      <c r="B4812" s="14"/>
      <c r="C4812" s="13"/>
      <c r="D4812" s="14"/>
      <c r="E4812" s="14"/>
      <c r="F4812" s="16"/>
      <c r="G4812" s="2"/>
      <c r="H4812" s="2"/>
      <c r="I4812" s="2"/>
      <c r="J4812" s="2"/>
      <c r="K4812" s="2"/>
      <c r="L4812" s="2"/>
    </row>
    <row r="4813" spans="1:12" s="17" customFormat="1" ht="27" customHeight="1" x14ac:dyDescent="0.15">
      <c r="A4813" s="13"/>
      <c r="B4813" s="14"/>
      <c r="C4813" s="13"/>
      <c r="D4813" s="14"/>
      <c r="E4813" s="14"/>
      <c r="F4813" s="16"/>
      <c r="G4813" s="2"/>
      <c r="H4813" s="2"/>
      <c r="I4813" s="2"/>
      <c r="J4813" s="2"/>
      <c r="K4813" s="2"/>
      <c r="L4813" s="2"/>
    </row>
    <row r="4814" spans="1:12" s="17" customFormat="1" ht="27" customHeight="1" x14ac:dyDescent="0.15">
      <c r="A4814" s="13"/>
      <c r="B4814" s="14"/>
      <c r="C4814" s="13"/>
      <c r="D4814" s="14"/>
      <c r="E4814" s="14"/>
      <c r="F4814" s="16"/>
      <c r="G4814" s="2"/>
      <c r="H4814" s="2"/>
      <c r="I4814" s="2"/>
      <c r="J4814" s="2"/>
      <c r="K4814" s="2"/>
      <c r="L4814" s="2"/>
    </row>
    <row r="4815" spans="1:12" s="17" customFormat="1" ht="27" customHeight="1" x14ac:dyDescent="0.15">
      <c r="A4815" s="13"/>
      <c r="B4815" s="14"/>
      <c r="C4815" s="13"/>
      <c r="D4815" s="14"/>
      <c r="E4815" s="14"/>
      <c r="F4815" s="16"/>
      <c r="G4815" s="2"/>
      <c r="H4815" s="2"/>
      <c r="I4815" s="2"/>
      <c r="J4815" s="2"/>
      <c r="K4815" s="2"/>
      <c r="L4815" s="2"/>
    </row>
    <row r="4816" spans="1:12" s="17" customFormat="1" ht="27" customHeight="1" x14ac:dyDescent="0.15">
      <c r="A4816" s="13"/>
      <c r="B4816" s="14"/>
      <c r="C4816" s="13"/>
      <c r="D4816" s="14"/>
      <c r="E4816" s="14"/>
      <c r="F4816" s="16"/>
      <c r="G4816" s="2"/>
      <c r="H4816" s="2"/>
      <c r="I4816" s="2"/>
      <c r="J4816" s="2"/>
      <c r="K4816" s="2"/>
      <c r="L4816" s="2"/>
    </row>
    <row r="4817" spans="1:12" s="17" customFormat="1" ht="27" customHeight="1" x14ac:dyDescent="0.15">
      <c r="A4817" s="13"/>
      <c r="B4817" s="14"/>
      <c r="C4817" s="13"/>
      <c r="D4817" s="14"/>
      <c r="E4817" s="14"/>
      <c r="F4817" s="16"/>
      <c r="G4817" s="2"/>
      <c r="H4817" s="2"/>
      <c r="I4817" s="2"/>
      <c r="J4817" s="2"/>
      <c r="K4817" s="2"/>
      <c r="L4817" s="2"/>
    </row>
    <row r="4818" spans="1:12" s="17" customFormat="1" ht="27" customHeight="1" x14ac:dyDescent="0.15">
      <c r="A4818" s="13"/>
      <c r="B4818" s="14"/>
      <c r="C4818" s="13"/>
      <c r="D4818" s="14"/>
      <c r="E4818" s="14"/>
      <c r="F4818" s="16"/>
      <c r="G4818" s="2"/>
      <c r="H4818" s="2"/>
      <c r="I4818" s="2"/>
      <c r="J4818" s="2"/>
      <c r="K4818" s="2"/>
      <c r="L4818" s="2"/>
    </row>
    <row r="4819" spans="1:12" s="17" customFormat="1" ht="27" customHeight="1" x14ac:dyDescent="0.15">
      <c r="A4819" s="13"/>
      <c r="B4819" s="14"/>
      <c r="C4819" s="13"/>
      <c r="D4819" s="14"/>
      <c r="E4819" s="14"/>
      <c r="F4819" s="16"/>
      <c r="G4819" s="2"/>
      <c r="H4819" s="2"/>
      <c r="I4819" s="2"/>
      <c r="J4819" s="2"/>
      <c r="K4819" s="2"/>
      <c r="L4819" s="2"/>
    </row>
    <row r="4820" spans="1:12" s="17" customFormat="1" ht="27" customHeight="1" x14ac:dyDescent="0.15">
      <c r="A4820" s="13"/>
      <c r="B4820" s="14"/>
      <c r="C4820" s="13"/>
      <c r="D4820" s="14"/>
      <c r="E4820" s="14"/>
      <c r="F4820" s="16"/>
      <c r="G4820" s="2"/>
      <c r="H4820" s="2"/>
      <c r="I4820" s="2"/>
      <c r="J4820" s="2"/>
      <c r="K4820" s="2"/>
      <c r="L4820" s="2"/>
    </row>
    <row r="4821" spans="1:12" s="17" customFormat="1" ht="27" customHeight="1" x14ac:dyDescent="0.15">
      <c r="A4821" s="13"/>
      <c r="B4821" s="14"/>
      <c r="C4821" s="13"/>
      <c r="D4821" s="14"/>
      <c r="E4821" s="14"/>
      <c r="F4821" s="16"/>
      <c r="G4821" s="2"/>
      <c r="H4821" s="2"/>
      <c r="I4821" s="2"/>
      <c r="J4821" s="2"/>
      <c r="K4821" s="2"/>
      <c r="L4821" s="2"/>
    </row>
    <row r="4822" spans="1:12" s="17" customFormat="1" ht="27" customHeight="1" x14ac:dyDescent="0.15">
      <c r="A4822" s="13"/>
      <c r="B4822" s="14"/>
      <c r="C4822" s="13"/>
      <c r="D4822" s="14"/>
      <c r="E4822" s="14"/>
      <c r="F4822" s="16"/>
      <c r="G4822" s="2"/>
      <c r="H4822" s="2"/>
      <c r="I4822" s="2"/>
      <c r="J4822" s="2"/>
      <c r="K4822" s="2"/>
      <c r="L4822" s="2"/>
    </row>
    <row r="4823" spans="1:12" s="17" customFormat="1" ht="27" customHeight="1" x14ac:dyDescent="0.15">
      <c r="A4823" s="13"/>
      <c r="B4823" s="14"/>
      <c r="C4823" s="13"/>
      <c r="D4823" s="14"/>
      <c r="E4823" s="14"/>
      <c r="F4823" s="16"/>
      <c r="G4823" s="2"/>
      <c r="H4823" s="2"/>
      <c r="I4823" s="2"/>
      <c r="J4823" s="2"/>
      <c r="K4823" s="2"/>
      <c r="L4823" s="2"/>
    </row>
    <row r="4824" spans="1:12" s="17" customFormat="1" ht="27" customHeight="1" x14ac:dyDescent="0.15">
      <c r="A4824" s="13"/>
      <c r="B4824" s="14"/>
      <c r="C4824" s="13"/>
      <c r="D4824" s="14"/>
      <c r="E4824" s="14"/>
      <c r="F4824" s="16"/>
      <c r="G4824" s="2"/>
      <c r="H4824" s="2"/>
      <c r="I4824" s="2"/>
      <c r="J4824" s="2"/>
      <c r="K4824" s="2"/>
      <c r="L4824" s="2"/>
    </row>
    <row r="4825" spans="1:12" s="17" customFormat="1" ht="27" customHeight="1" x14ac:dyDescent="0.15">
      <c r="A4825" s="13"/>
      <c r="B4825" s="14"/>
      <c r="C4825" s="13"/>
      <c r="D4825" s="14"/>
      <c r="E4825" s="14"/>
      <c r="F4825" s="16"/>
      <c r="G4825" s="2"/>
      <c r="H4825" s="2"/>
      <c r="I4825" s="2"/>
      <c r="J4825" s="2"/>
      <c r="K4825" s="2"/>
      <c r="L4825" s="2"/>
    </row>
    <row r="4826" spans="1:12" s="17" customFormat="1" ht="27" customHeight="1" x14ac:dyDescent="0.15">
      <c r="A4826" s="13"/>
      <c r="B4826" s="14"/>
      <c r="C4826" s="13"/>
      <c r="D4826" s="14"/>
      <c r="E4826" s="14"/>
      <c r="F4826" s="16"/>
      <c r="G4826" s="2"/>
      <c r="H4826" s="2"/>
      <c r="I4826" s="2"/>
      <c r="J4826" s="2"/>
      <c r="K4826" s="2"/>
      <c r="L4826" s="2"/>
    </row>
    <row r="4827" spans="1:12" s="17" customFormat="1" ht="27" customHeight="1" x14ac:dyDescent="0.15">
      <c r="A4827" s="13"/>
      <c r="B4827" s="14"/>
      <c r="C4827" s="13"/>
      <c r="D4827" s="14"/>
      <c r="E4827" s="14"/>
      <c r="F4827" s="16"/>
      <c r="G4827" s="2"/>
      <c r="H4827" s="2"/>
      <c r="I4827" s="2"/>
      <c r="J4827" s="2"/>
      <c r="K4827" s="2"/>
      <c r="L4827" s="2"/>
    </row>
    <row r="4828" spans="1:12" s="17" customFormat="1" ht="27" customHeight="1" x14ac:dyDescent="0.15">
      <c r="A4828" s="13"/>
      <c r="B4828" s="14"/>
      <c r="C4828" s="13"/>
      <c r="D4828" s="14"/>
      <c r="E4828" s="14"/>
      <c r="F4828" s="16"/>
      <c r="G4828" s="2"/>
      <c r="H4828" s="2"/>
      <c r="I4828" s="2"/>
      <c r="J4828" s="2"/>
      <c r="K4828" s="2"/>
      <c r="L4828" s="2"/>
    </row>
    <row r="4829" spans="1:12" s="17" customFormat="1" ht="27" customHeight="1" x14ac:dyDescent="0.15">
      <c r="A4829" s="13"/>
      <c r="B4829" s="14"/>
      <c r="C4829" s="13"/>
      <c r="D4829" s="14"/>
      <c r="E4829" s="14"/>
      <c r="F4829" s="16"/>
      <c r="G4829" s="2"/>
      <c r="H4829" s="2"/>
      <c r="I4829" s="2"/>
      <c r="J4829" s="2"/>
      <c r="K4829" s="2"/>
      <c r="L4829" s="2"/>
    </row>
    <row r="4830" spans="1:12" s="17" customFormat="1" ht="27" customHeight="1" x14ac:dyDescent="0.15">
      <c r="A4830" s="13"/>
      <c r="B4830" s="14"/>
      <c r="C4830" s="13"/>
      <c r="D4830" s="14"/>
      <c r="E4830" s="14"/>
      <c r="F4830" s="16"/>
      <c r="G4830" s="2"/>
      <c r="H4830" s="2"/>
      <c r="I4830" s="2"/>
      <c r="J4830" s="2"/>
      <c r="K4830" s="2"/>
      <c r="L4830" s="2"/>
    </row>
    <row r="4831" spans="1:12" s="17" customFormat="1" ht="27" customHeight="1" x14ac:dyDescent="0.15">
      <c r="A4831" s="13"/>
      <c r="B4831" s="14"/>
      <c r="C4831" s="13"/>
      <c r="D4831" s="14"/>
      <c r="E4831" s="14"/>
      <c r="F4831" s="16"/>
      <c r="G4831" s="2"/>
      <c r="H4831" s="2"/>
      <c r="I4831" s="2"/>
      <c r="J4831" s="2"/>
      <c r="K4831" s="2"/>
      <c r="L4831" s="2"/>
    </row>
    <row r="4832" spans="1:12" s="17" customFormat="1" ht="27" customHeight="1" x14ac:dyDescent="0.15">
      <c r="A4832" s="13"/>
      <c r="B4832" s="14"/>
      <c r="C4832" s="13"/>
      <c r="D4832" s="14"/>
      <c r="E4832" s="14"/>
      <c r="F4832" s="16"/>
      <c r="G4832" s="2"/>
      <c r="H4832" s="2"/>
      <c r="I4832" s="2"/>
      <c r="J4832" s="2"/>
      <c r="K4832" s="2"/>
      <c r="L4832" s="2"/>
    </row>
    <row r="4833" spans="1:12" s="17" customFormat="1" ht="27" customHeight="1" x14ac:dyDescent="0.15">
      <c r="A4833" s="13"/>
      <c r="B4833" s="14"/>
      <c r="C4833" s="13"/>
      <c r="D4833" s="14"/>
      <c r="E4833" s="14"/>
      <c r="F4833" s="16"/>
      <c r="G4833" s="2"/>
      <c r="H4833" s="2"/>
      <c r="I4833" s="2"/>
      <c r="J4833" s="2"/>
      <c r="K4833" s="2"/>
      <c r="L4833" s="2"/>
    </row>
    <row r="4834" spans="1:12" s="17" customFormat="1" ht="27" customHeight="1" x14ac:dyDescent="0.15">
      <c r="A4834" s="13"/>
      <c r="B4834" s="14"/>
      <c r="C4834" s="13"/>
      <c r="D4834" s="14"/>
      <c r="E4834" s="14"/>
      <c r="F4834" s="16"/>
      <c r="G4834" s="2"/>
      <c r="H4834" s="2"/>
      <c r="I4834" s="2"/>
      <c r="J4834" s="2"/>
      <c r="K4834" s="2"/>
      <c r="L4834" s="2"/>
    </row>
    <row r="4835" spans="1:12" s="17" customFormat="1" ht="27" customHeight="1" x14ac:dyDescent="0.15">
      <c r="A4835" s="13"/>
      <c r="B4835" s="14"/>
      <c r="C4835" s="13"/>
      <c r="D4835" s="14"/>
      <c r="E4835" s="14"/>
      <c r="F4835" s="16"/>
      <c r="G4835" s="2"/>
      <c r="H4835" s="2"/>
      <c r="I4835" s="2"/>
      <c r="J4835" s="2"/>
      <c r="K4835" s="2"/>
      <c r="L4835" s="2"/>
    </row>
    <row r="4836" spans="1:12" s="17" customFormat="1" ht="27" customHeight="1" x14ac:dyDescent="0.15">
      <c r="A4836" s="13"/>
      <c r="B4836" s="14"/>
      <c r="C4836" s="13"/>
      <c r="D4836" s="14"/>
      <c r="E4836" s="14"/>
      <c r="F4836" s="16"/>
      <c r="G4836" s="2"/>
      <c r="H4836" s="2"/>
      <c r="I4836" s="2"/>
      <c r="J4836" s="2"/>
      <c r="K4836" s="2"/>
      <c r="L4836" s="2"/>
    </row>
    <row r="4837" spans="1:12" s="17" customFormat="1" ht="27" customHeight="1" x14ac:dyDescent="0.15">
      <c r="A4837" s="13"/>
      <c r="B4837" s="14"/>
      <c r="C4837" s="13"/>
      <c r="D4837" s="14"/>
      <c r="E4837" s="14"/>
      <c r="F4837" s="16"/>
      <c r="G4837" s="2"/>
      <c r="H4837" s="2"/>
      <c r="I4837" s="2"/>
      <c r="J4837" s="2"/>
      <c r="K4837" s="2"/>
      <c r="L4837" s="2"/>
    </row>
    <row r="4838" spans="1:12" s="17" customFormat="1" ht="27" customHeight="1" x14ac:dyDescent="0.15">
      <c r="A4838" s="13"/>
      <c r="B4838" s="14"/>
      <c r="C4838" s="13"/>
      <c r="D4838" s="14"/>
      <c r="E4838" s="14"/>
      <c r="F4838" s="16"/>
      <c r="G4838" s="2"/>
      <c r="H4838" s="2"/>
      <c r="I4838" s="2"/>
      <c r="J4838" s="2"/>
      <c r="K4838" s="2"/>
      <c r="L4838" s="2"/>
    </row>
    <row r="4839" spans="1:12" s="17" customFormat="1" ht="27" customHeight="1" x14ac:dyDescent="0.15">
      <c r="A4839" s="13"/>
      <c r="B4839" s="14"/>
      <c r="C4839" s="13"/>
      <c r="D4839" s="14"/>
      <c r="E4839" s="14"/>
      <c r="F4839" s="16"/>
      <c r="G4839" s="2"/>
      <c r="H4839" s="2"/>
      <c r="I4839" s="2"/>
      <c r="J4839" s="2"/>
      <c r="K4839" s="2"/>
      <c r="L4839" s="2"/>
    </row>
    <row r="4840" spans="1:12" s="17" customFormat="1" ht="27" customHeight="1" x14ac:dyDescent="0.15">
      <c r="A4840" s="13"/>
      <c r="B4840" s="14"/>
      <c r="C4840" s="13"/>
      <c r="D4840" s="14"/>
      <c r="E4840" s="14"/>
      <c r="F4840" s="16"/>
      <c r="G4840" s="2"/>
      <c r="H4840" s="2"/>
      <c r="I4840" s="2"/>
      <c r="J4840" s="2"/>
      <c r="K4840" s="2"/>
      <c r="L4840" s="2"/>
    </row>
    <row r="4841" spans="1:12" s="17" customFormat="1" ht="27" customHeight="1" x14ac:dyDescent="0.15">
      <c r="A4841" s="13"/>
      <c r="B4841" s="14"/>
      <c r="C4841" s="13"/>
      <c r="D4841" s="14"/>
      <c r="E4841" s="14"/>
      <c r="F4841" s="16"/>
      <c r="G4841" s="2"/>
      <c r="H4841" s="2"/>
      <c r="I4841" s="2"/>
      <c r="J4841" s="2"/>
      <c r="K4841" s="2"/>
      <c r="L4841" s="2"/>
    </row>
    <row r="4842" spans="1:12" s="17" customFormat="1" ht="27" customHeight="1" x14ac:dyDescent="0.15">
      <c r="A4842" s="13"/>
      <c r="B4842" s="14"/>
      <c r="C4842" s="13"/>
      <c r="D4842" s="14"/>
      <c r="E4842" s="14"/>
      <c r="F4842" s="16"/>
      <c r="G4842" s="2"/>
      <c r="H4842" s="2"/>
      <c r="I4842" s="2"/>
      <c r="J4842" s="2"/>
      <c r="K4842" s="2"/>
      <c r="L4842" s="2"/>
    </row>
    <row r="4843" spans="1:12" s="17" customFormat="1" ht="27" customHeight="1" x14ac:dyDescent="0.15">
      <c r="A4843" s="13"/>
      <c r="B4843" s="14"/>
      <c r="C4843" s="13"/>
      <c r="D4843" s="14"/>
      <c r="E4843" s="14"/>
      <c r="F4843" s="16"/>
      <c r="G4843" s="2"/>
      <c r="H4843" s="2"/>
      <c r="I4843" s="2"/>
      <c r="J4843" s="2"/>
      <c r="K4843" s="2"/>
      <c r="L4843" s="2"/>
    </row>
    <row r="4844" spans="1:12" s="17" customFormat="1" ht="27" customHeight="1" x14ac:dyDescent="0.15">
      <c r="A4844" s="13"/>
      <c r="B4844" s="14"/>
      <c r="C4844" s="13"/>
      <c r="D4844" s="14"/>
      <c r="E4844" s="14"/>
      <c r="F4844" s="16"/>
      <c r="G4844" s="2"/>
      <c r="H4844" s="2"/>
      <c r="I4844" s="2"/>
      <c r="J4844" s="2"/>
      <c r="K4844" s="2"/>
      <c r="L4844" s="2"/>
    </row>
    <row r="4845" spans="1:12" s="17" customFormat="1" ht="27" customHeight="1" x14ac:dyDescent="0.15">
      <c r="A4845" s="13"/>
      <c r="B4845" s="14"/>
      <c r="C4845" s="13"/>
      <c r="D4845" s="14"/>
      <c r="E4845" s="14"/>
      <c r="F4845" s="16"/>
      <c r="G4845" s="2"/>
      <c r="H4845" s="2"/>
      <c r="I4845" s="2"/>
      <c r="J4845" s="2"/>
      <c r="K4845" s="2"/>
      <c r="L4845" s="2"/>
    </row>
    <row r="4846" spans="1:12" s="17" customFormat="1" ht="27" customHeight="1" x14ac:dyDescent="0.15">
      <c r="A4846" s="13"/>
      <c r="B4846" s="14"/>
      <c r="C4846" s="13"/>
      <c r="D4846" s="14"/>
      <c r="E4846" s="14"/>
      <c r="F4846" s="16"/>
      <c r="G4846" s="2"/>
      <c r="H4846" s="2"/>
      <c r="I4846" s="2"/>
      <c r="J4846" s="2"/>
      <c r="K4846" s="2"/>
      <c r="L4846" s="2"/>
    </row>
    <row r="4847" spans="1:12" s="17" customFormat="1" ht="27" customHeight="1" x14ac:dyDescent="0.15">
      <c r="A4847" s="13"/>
      <c r="B4847" s="14"/>
      <c r="C4847" s="13"/>
      <c r="D4847" s="14"/>
      <c r="E4847" s="14"/>
      <c r="F4847" s="16"/>
      <c r="G4847" s="2"/>
      <c r="H4847" s="2"/>
      <c r="I4847" s="2"/>
      <c r="J4847" s="2"/>
      <c r="K4847" s="2"/>
      <c r="L4847" s="2"/>
    </row>
    <row r="4848" spans="1:12" s="17" customFormat="1" ht="27" customHeight="1" x14ac:dyDescent="0.15">
      <c r="A4848" s="13"/>
      <c r="B4848" s="14"/>
      <c r="C4848" s="13"/>
      <c r="D4848" s="14"/>
      <c r="E4848" s="14"/>
      <c r="F4848" s="16"/>
      <c r="G4848" s="2"/>
      <c r="H4848" s="2"/>
      <c r="I4848" s="2"/>
      <c r="J4848" s="2"/>
      <c r="K4848" s="2"/>
      <c r="L4848" s="2"/>
    </row>
    <row r="4849" spans="1:12" s="17" customFormat="1" ht="27" customHeight="1" x14ac:dyDescent="0.15">
      <c r="A4849" s="13"/>
      <c r="B4849" s="14"/>
      <c r="C4849" s="13"/>
      <c r="D4849" s="14"/>
      <c r="E4849" s="14"/>
      <c r="F4849" s="16"/>
      <c r="G4849" s="2"/>
      <c r="H4849" s="2"/>
      <c r="I4849" s="2"/>
      <c r="J4849" s="2"/>
      <c r="K4849" s="2"/>
      <c r="L4849" s="2"/>
    </row>
    <row r="4850" spans="1:12" s="17" customFormat="1" ht="27" customHeight="1" x14ac:dyDescent="0.15">
      <c r="A4850" s="13"/>
      <c r="B4850" s="14"/>
      <c r="C4850" s="13"/>
      <c r="D4850" s="14"/>
      <c r="E4850" s="14"/>
      <c r="F4850" s="16"/>
      <c r="G4850" s="2"/>
      <c r="H4850" s="2"/>
      <c r="I4850" s="2"/>
      <c r="J4850" s="2"/>
      <c r="K4850" s="2"/>
      <c r="L4850" s="2"/>
    </row>
    <row r="4851" spans="1:12" s="17" customFormat="1" ht="27" customHeight="1" x14ac:dyDescent="0.15">
      <c r="A4851" s="13"/>
      <c r="B4851" s="14"/>
      <c r="C4851" s="13"/>
      <c r="D4851" s="14"/>
      <c r="E4851" s="14"/>
      <c r="F4851" s="16"/>
      <c r="G4851" s="2"/>
      <c r="H4851" s="2"/>
      <c r="I4851" s="2"/>
      <c r="J4851" s="2"/>
      <c r="K4851" s="2"/>
      <c r="L4851" s="2"/>
    </row>
    <row r="4852" spans="1:12" s="17" customFormat="1" ht="27" customHeight="1" x14ac:dyDescent="0.15">
      <c r="A4852" s="13"/>
      <c r="B4852" s="14"/>
      <c r="C4852" s="13"/>
      <c r="D4852" s="14"/>
      <c r="E4852" s="14"/>
      <c r="F4852" s="16"/>
      <c r="G4852" s="2"/>
      <c r="H4852" s="2"/>
      <c r="I4852" s="2"/>
      <c r="J4852" s="2"/>
      <c r="K4852" s="2"/>
      <c r="L4852" s="2"/>
    </row>
    <row r="4853" spans="1:12" s="17" customFormat="1" ht="27" customHeight="1" x14ac:dyDescent="0.15">
      <c r="A4853" s="13"/>
      <c r="B4853" s="14"/>
      <c r="C4853" s="13"/>
      <c r="D4853" s="14"/>
      <c r="E4853" s="14"/>
      <c r="F4853" s="16"/>
      <c r="G4853" s="2"/>
      <c r="H4853" s="2"/>
      <c r="I4853" s="2"/>
      <c r="J4853" s="2"/>
      <c r="K4853" s="2"/>
      <c r="L4853" s="2"/>
    </row>
    <row r="4854" spans="1:12" s="17" customFormat="1" ht="27" customHeight="1" x14ac:dyDescent="0.15">
      <c r="A4854" s="13"/>
      <c r="B4854" s="14"/>
      <c r="C4854" s="13"/>
      <c r="D4854" s="14"/>
      <c r="E4854" s="14"/>
      <c r="F4854" s="16"/>
      <c r="G4854" s="2"/>
      <c r="H4854" s="2"/>
      <c r="I4854" s="2"/>
      <c r="J4854" s="2"/>
      <c r="K4854" s="2"/>
      <c r="L4854" s="2"/>
    </row>
    <row r="4855" spans="1:12" s="17" customFormat="1" ht="27" customHeight="1" x14ac:dyDescent="0.15">
      <c r="A4855" s="13"/>
      <c r="B4855" s="14"/>
      <c r="C4855" s="13"/>
      <c r="D4855" s="14"/>
      <c r="E4855" s="14"/>
      <c r="F4855" s="16"/>
      <c r="G4855" s="2"/>
      <c r="H4855" s="2"/>
      <c r="I4855" s="2"/>
      <c r="J4855" s="2"/>
      <c r="K4855" s="2"/>
      <c r="L4855" s="2"/>
    </row>
    <row r="4856" spans="1:12" s="17" customFormat="1" ht="27" customHeight="1" x14ac:dyDescent="0.15">
      <c r="A4856" s="13"/>
      <c r="B4856" s="14"/>
      <c r="C4856" s="13"/>
      <c r="D4856" s="14"/>
      <c r="E4856" s="14"/>
      <c r="F4856" s="16"/>
      <c r="G4856" s="2"/>
      <c r="H4856" s="2"/>
      <c r="I4856" s="2"/>
      <c r="J4856" s="2"/>
      <c r="K4856" s="2"/>
      <c r="L4856" s="2"/>
    </row>
    <row r="4857" spans="1:12" s="17" customFormat="1" ht="27" customHeight="1" x14ac:dyDescent="0.15">
      <c r="A4857" s="13"/>
      <c r="B4857" s="14"/>
      <c r="C4857" s="13"/>
      <c r="D4857" s="14"/>
      <c r="E4857" s="14"/>
      <c r="F4857" s="16"/>
      <c r="G4857" s="2"/>
      <c r="H4857" s="2"/>
      <c r="I4857" s="2"/>
      <c r="J4857" s="2"/>
      <c r="K4857" s="2"/>
      <c r="L4857" s="2"/>
    </row>
    <row r="4858" spans="1:12" s="17" customFormat="1" ht="27" customHeight="1" x14ac:dyDescent="0.15">
      <c r="A4858" s="13"/>
      <c r="B4858" s="14"/>
      <c r="C4858" s="13"/>
      <c r="D4858" s="14"/>
      <c r="E4858" s="14"/>
      <c r="F4858" s="16"/>
      <c r="G4858" s="2"/>
      <c r="H4858" s="2"/>
      <c r="I4858" s="2"/>
      <c r="J4858" s="2"/>
      <c r="K4858" s="2"/>
      <c r="L4858" s="2"/>
    </row>
    <row r="4859" spans="1:12" s="17" customFormat="1" ht="27" customHeight="1" x14ac:dyDescent="0.15">
      <c r="A4859" s="13"/>
      <c r="B4859" s="14"/>
      <c r="C4859" s="13"/>
      <c r="D4859" s="14"/>
      <c r="E4859" s="14"/>
      <c r="F4859" s="16"/>
      <c r="G4859" s="2"/>
      <c r="H4859" s="2"/>
      <c r="I4859" s="2"/>
      <c r="J4859" s="2"/>
      <c r="K4859" s="2"/>
      <c r="L4859" s="2"/>
    </row>
    <row r="4860" spans="1:12" s="17" customFormat="1" ht="27" customHeight="1" x14ac:dyDescent="0.15">
      <c r="A4860" s="13"/>
      <c r="B4860" s="14"/>
      <c r="C4860" s="13"/>
      <c r="D4860" s="14"/>
      <c r="E4860" s="14"/>
      <c r="F4860" s="16"/>
      <c r="G4860" s="2"/>
      <c r="H4860" s="2"/>
      <c r="I4860" s="2"/>
      <c r="J4860" s="2"/>
      <c r="K4860" s="2"/>
      <c r="L4860" s="2"/>
    </row>
    <row r="4861" spans="1:12" s="17" customFormat="1" ht="27" customHeight="1" x14ac:dyDescent="0.15">
      <c r="A4861" s="13"/>
      <c r="B4861" s="14"/>
      <c r="C4861" s="13"/>
      <c r="D4861" s="14"/>
      <c r="E4861" s="14"/>
      <c r="F4861" s="16"/>
      <c r="G4861" s="2"/>
      <c r="H4861" s="2"/>
      <c r="I4861" s="2"/>
      <c r="J4861" s="2"/>
      <c r="K4861" s="2"/>
      <c r="L4861" s="2"/>
    </row>
    <row r="4862" spans="1:12" s="17" customFormat="1" ht="27" customHeight="1" x14ac:dyDescent="0.15">
      <c r="A4862" s="13"/>
      <c r="B4862" s="14"/>
      <c r="C4862" s="13"/>
      <c r="D4862" s="14"/>
      <c r="E4862" s="14"/>
      <c r="F4862" s="16"/>
      <c r="G4862" s="2"/>
      <c r="H4862" s="2"/>
      <c r="I4862" s="2"/>
      <c r="J4862" s="2"/>
      <c r="K4862" s="2"/>
      <c r="L4862" s="2"/>
    </row>
    <row r="4863" spans="1:12" s="17" customFormat="1" ht="27" customHeight="1" x14ac:dyDescent="0.15">
      <c r="A4863" s="13"/>
      <c r="B4863" s="14"/>
      <c r="C4863" s="13"/>
      <c r="D4863" s="14"/>
      <c r="E4863" s="14"/>
      <c r="F4863" s="16"/>
      <c r="G4863" s="2"/>
      <c r="H4863" s="2"/>
      <c r="I4863" s="2"/>
      <c r="J4863" s="2"/>
      <c r="K4863" s="2"/>
      <c r="L4863" s="2"/>
    </row>
    <row r="4864" spans="1:12" s="17" customFormat="1" ht="27" customHeight="1" x14ac:dyDescent="0.15">
      <c r="A4864" s="13"/>
      <c r="B4864" s="14"/>
      <c r="C4864" s="13"/>
      <c r="D4864" s="14"/>
      <c r="E4864" s="14"/>
      <c r="F4864" s="16"/>
      <c r="G4864" s="2"/>
      <c r="H4864" s="2"/>
      <c r="I4864" s="2"/>
      <c r="J4864" s="2"/>
      <c r="K4864" s="2"/>
      <c r="L4864" s="2"/>
    </row>
    <row r="4865" spans="1:12" s="17" customFormat="1" ht="27" customHeight="1" x14ac:dyDescent="0.15">
      <c r="A4865" s="13"/>
      <c r="B4865" s="14"/>
      <c r="C4865" s="13"/>
      <c r="D4865" s="14"/>
      <c r="E4865" s="14"/>
      <c r="F4865" s="16"/>
      <c r="G4865" s="2"/>
      <c r="H4865" s="2"/>
      <c r="I4865" s="2"/>
      <c r="J4865" s="2"/>
      <c r="K4865" s="2"/>
      <c r="L4865" s="2"/>
    </row>
    <row r="4866" spans="1:12" s="17" customFormat="1" ht="27" customHeight="1" x14ac:dyDescent="0.15">
      <c r="A4866" s="13"/>
      <c r="B4866" s="14"/>
      <c r="C4866" s="13"/>
      <c r="D4866" s="14"/>
      <c r="E4866" s="14"/>
      <c r="F4866" s="16"/>
      <c r="G4866" s="2"/>
      <c r="H4866" s="2"/>
      <c r="I4866" s="2"/>
      <c r="J4866" s="2"/>
      <c r="K4866" s="2"/>
      <c r="L4866" s="2"/>
    </row>
    <row r="4867" spans="1:12" s="17" customFormat="1" ht="27" customHeight="1" x14ac:dyDescent="0.15">
      <c r="A4867" s="13"/>
      <c r="B4867" s="14"/>
      <c r="C4867" s="13"/>
      <c r="D4867" s="14"/>
      <c r="E4867" s="14"/>
      <c r="F4867" s="16"/>
      <c r="G4867" s="2"/>
      <c r="H4867" s="2"/>
      <c r="I4867" s="2"/>
      <c r="J4867" s="2"/>
      <c r="K4867" s="2"/>
      <c r="L4867" s="2"/>
    </row>
    <row r="4868" spans="1:12" s="17" customFormat="1" ht="27" customHeight="1" x14ac:dyDescent="0.15">
      <c r="A4868" s="13"/>
      <c r="B4868" s="14"/>
      <c r="C4868" s="13"/>
      <c r="D4868" s="14"/>
      <c r="E4868" s="14"/>
      <c r="F4868" s="16"/>
      <c r="G4868" s="2"/>
      <c r="H4868" s="2"/>
      <c r="I4868" s="2"/>
      <c r="J4868" s="2"/>
      <c r="K4868" s="2"/>
      <c r="L4868" s="2"/>
    </row>
    <row r="4869" spans="1:12" s="17" customFormat="1" ht="27" customHeight="1" x14ac:dyDescent="0.15">
      <c r="A4869" s="13"/>
      <c r="B4869" s="14"/>
      <c r="C4869" s="13"/>
      <c r="D4869" s="14"/>
      <c r="E4869" s="14"/>
      <c r="F4869" s="16"/>
      <c r="G4869" s="2"/>
      <c r="H4869" s="2"/>
      <c r="I4869" s="2"/>
      <c r="J4869" s="2"/>
      <c r="K4869" s="2"/>
      <c r="L4869" s="2"/>
    </row>
    <row r="4870" spans="1:12" s="17" customFormat="1" ht="27" customHeight="1" x14ac:dyDescent="0.15">
      <c r="A4870" s="13"/>
      <c r="B4870" s="14"/>
      <c r="C4870" s="13"/>
      <c r="D4870" s="14"/>
      <c r="E4870" s="14"/>
      <c r="F4870" s="16"/>
      <c r="G4870" s="2"/>
      <c r="H4870" s="2"/>
      <c r="I4870" s="2"/>
      <c r="J4870" s="2"/>
      <c r="K4870" s="2"/>
      <c r="L4870" s="2"/>
    </row>
    <row r="4871" spans="1:12" s="17" customFormat="1" ht="27" customHeight="1" x14ac:dyDescent="0.15">
      <c r="A4871" s="13"/>
      <c r="B4871" s="14"/>
      <c r="C4871" s="13"/>
      <c r="D4871" s="14"/>
      <c r="E4871" s="14"/>
      <c r="F4871" s="16"/>
      <c r="G4871" s="2"/>
      <c r="H4871" s="2"/>
      <c r="I4871" s="2"/>
      <c r="J4871" s="2"/>
      <c r="K4871" s="2"/>
      <c r="L4871" s="2"/>
    </row>
    <row r="4872" spans="1:12" s="17" customFormat="1" ht="27" customHeight="1" x14ac:dyDescent="0.15">
      <c r="A4872" s="13"/>
      <c r="B4872" s="14"/>
      <c r="C4872" s="13"/>
      <c r="D4872" s="14"/>
      <c r="E4872" s="14"/>
      <c r="F4872" s="16"/>
      <c r="G4872" s="2"/>
      <c r="H4872" s="2"/>
      <c r="I4872" s="2"/>
      <c r="J4872" s="2"/>
      <c r="K4872" s="2"/>
      <c r="L4872" s="2"/>
    </row>
    <row r="4873" spans="1:12" s="17" customFormat="1" ht="27" customHeight="1" x14ac:dyDescent="0.15">
      <c r="A4873" s="13"/>
      <c r="B4873" s="14"/>
      <c r="C4873" s="13"/>
      <c r="D4873" s="14"/>
      <c r="E4873" s="14"/>
      <c r="F4873" s="16"/>
      <c r="G4873" s="2"/>
      <c r="H4873" s="2"/>
      <c r="I4873" s="2"/>
      <c r="J4873" s="2"/>
      <c r="K4873" s="2"/>
      <c r="L4873" s="2"/>
    </row>
    <row r="4874" spans="1:12" s="17" customFormat="1" ht="27" customHeight="1" x14ac:dyDescent="0.15">
      <c r="A4874" s="13"/>
      <c r="B4874" s="14"/>
      <c r="C4874" s="13"/>
      <c r="D4874" s="14"/>
      <c r="E4874" s="14"/>
      <c r="F4874" s="16"/>
      <c r="G4874" s="2"/>
      <c r="H4874" s="2"/>
      <c r="I4874" s="2"/>
      <c r="J4874" s="2"/>
      <c r="K4874" s="2"/>
      <c r="L4874" s="2"/>
    </row>
    <row r="4875" spans="1:12" s="17" customFormat="1" ht="27" customHeight="1" x14ac:dyDescent="0.15">
      <c r="A4875" s="13"/>
      <c r="B4875" s="14"/>
      <c r="C4875" s="13"/>
      <c r="D4875" s="14"/>
      <c r="E4875" s="14"/>
      <c r="F4875" s="16"/>
      <c r="G4875" s="2"/>
      <c r="H4875" s="2"/>
      <c r="I4875" s="2"/>
      <c r="J4875" s="2"/>
      <c r="K4875" s="2"/>
      <c r="L4875" s="2"/>
    </row>
    <row r="4876" spans="1:12" s="17" customFormat="1" ht="27" customHeight="1" x14ac:dyDescent="0.15">
      <c r="A4876" s="13"/>
      <c r="B4876" s="14"/>
      <c r="C4876" s="13"/>
      <c r="D4876" s="14"/>
      <c r="E4876" s="14"/>
      <c r="F4876" s="16"/>
      <c r="G4876" s="2"/>
      <c r="H4876" s="2"/>
      <c r="I4876" s="2"/>
      <c r="J4876" s="2"/>
      <c r="K4876" s="2"/>
      <c r="L4876" s="2"/>
    </row>
    <row r="4877" spans="1:12" s="17" customFormat="1" ht="27" customHeight="1" x14ac:dyDescent="0.15">
      <c r="A4877" s="13"/>
      <c r="B4877" s="14"/>
      <c r="C4877" s="13"/>
      <c r="D4877" s="14"/>
      <c r="E4877" s="14"/>
      <c r="F4877" s="16"/>
      <c r="G4877" s="2"/>
      <c r="H4877" s="2"/>
      <c r="I4877" s="2"/>
      <c r="J4877" s="2"/>
      <c r="K4877" s="2"/>
      <c r="L4877" s="2"/>
    </row>
    <row r="4878" spans="1:12" s="17" customFormat="1" ht="27" customHeight="1" x14ac:dyDescent="0.15">
      <c r="A4878" s="13"/>
      <c r="B4878" s="14"/>
      <c r="C4878" s="13"/>
      <c r="D4878" s="14"/>
      <c r="E4878" s="14"/>
      <c r="F4878" s="16"/>
      <c r="G4878" s="2"/>
      <c r="H4878" s="2"/>
      <c r="I4878" s="2"/>
      <c r="J4878" s="2"/>
      <c r="K4878" s="2"/>
      <c r="L4878" s="2"/>
    </row>
    <row r="4879" spans="1:12" s="17" customFormat="1" ht="27" customHeight="1" x14ac:dyDescent="0.15">
      <c r="A4879" s="13"/>
      <c r="B4879" s="14"/>
      <c r="C4879" s="13"/>
      <c r="D4879" s="14"/>
      <c r="E4879" s="14"/>
      <c r="F4879" s="16"/>
      <c r="G4879" s="2"/>
      <c r="H4879" s="2"/>
      <c r="I4879" s="2"/>
      <c r="J4879" s="2"/>
      <c r="K4879" s="2"/>
      <c r="L4879" s="2"/>
    </row>
    <row r="4880" spans="1:12" s="17" customFormat="1" ht="27" customHeight="1" x14ac:dyDescent="0.15">
      <c r="A4880" s="13"/>
      <c r="B4880" s="14"/>
      <c r="C4880" s="13"/>
      <c r="D4880" s="14"/>
      <c r="E4880" s="14"/>
      <c r="F4880" s="16"/>
      <c r="G4880" s="2"/>
      <c r="H4880" s="2"/>
      <c r="I4880" s="2"/>
      <c r="J4880" s="2"/>
      <c r="K4880" s="2"/>
      <c r="L4880" s="2"/>
    </row>
    <row r="4881" spans="1:12" s="17" customFormat="1" ht="27" customHeight="1" x14ac:dyDescent="0.15">
      <c r="A4881" s="13"/>
      <c r="B4881" s="14"/>
      <c r="C4881" s="13"/>
      <c r="D4881" s="14"/>
      <c r="E4881" s="14"/>
      <c r="F4881" s="16"/>
      <c r="G4881" s="2"/>
      <c r="H4881" s="2"/>
      <c r="I4881" s="2"/>
      <c r="J4881" s="2"/>
      <c r="K4881" s="2"/>
      <c r="L4881" s="2"/>
    </row>
    <row r="4882" spans="1:12" s="17" customFormat="1" ht="27" customHeight="1" x14ac:dyDescent="0.15">
      <c r="A4882" s="13"/>
      <c r="B4882" s="14"/>
      <c r="C4882" s="13"/>
      <c r="D4882" s="14"/>
      <c r="E4882" s="14"/>
      <c r="F4882" s="16"/>
      <c r="G4882" s="2"/>
      <c r="H4882" s="2"/>
      <c r="I4882" s="2"/>
      <c r="J4882" s="2"/>
      <c r="K4882" s="2"/>
      <c r="L4882" s="2"/>
    </row>
    <row r="4883" spans="1:12" s="17" customFormat="1" ht="27" customHeight="1" x14ac:dyDescent="0.15">
      <c r="A4883" s="13"/>
      <c r="B4883" s="14"/>
      <c r="C4883" s="13"/>
      <c r="D4883" s="14"/>
      <c r="E4883" s="14"/>
      <c r="F4883" s="16"/>
      <c r="G4883" s="2"/>
      <c r="H4883" s="2"/>
      <c r="I4883" s="2"/>
      <c r="J4883" s="2"/>
      <c r="K4883" s="2"/>
      <c r="L4883" s="2"/>
    </row>
    <row r="4884" spans="1:12" s="17" customFormat="1" ht="27" customHeight="1" x14ac:dyDescent="0.15">
      <c r="A4884" s="13"/>
      <c r="B4884" s="14"/>
      <c r="C4884" s="13"/>
      <c r="D4884" s="14"/>
      <c r="E4884" s="14"/>
      <c r="F4884" s="16"/>
      <c r="G4884" s="2"/>
      <c r="H4884" s="2"/>
      <c r="I4884" s="2"/>
      <c r="J4884" s="2"/>
      <c r="K4884" s="2"/>
      <c r="L4884" s="2"/>
    </row>
    <row r="4885" spans="1:12" s="17" customFormat="1" ht="27" customHeight="1" x14ac:dyDescent="0.15">
      <c r="A4885" s="13"/>
      <c r="B4885" s="14"/>
      <c r="C4885" s="13"/>
      <c r="D4885" s="14"/>
      <c r="E4885" s="14"/>
      <c r="F4885" s="16"/>
      <c r="G4885" s="2"/>
      <c r="H4885" s="2"/>
      <c r="I4885" s="2"/>
      <c r="J4885" s="2"/>
      <c r="K4885" s="2"/>
      <c r="L4885" s="2"/>
    </row>
    <row r="4886" spans="1:12" s="17" customFormat="1" ht="27" customHeight="1" x14ac:dyDescent="0.15">
      <c r="A4886" s="13"/>
      <c r="B4886" s="14"/>
      <c r="C4886" s="13"/>
      <c r="D4886" s="14"/>
      <c r="E4886" s="14"/>
      <c r="F4886" s="16"/>
      <c r="G4886" s="2"/>
      <c r="H4886" s="2"/>
      <c r="I4886" s="2"/>
      <c r="J4886" s="2"/>
      <c r="K4886" s="2"/>
      <c r="L4886" s="2"/>
    </row>
    <row r="4887" spans="1:12" s="17" customFormat="1" ht="27" customHeight="1" x14ac:dyDescent="0.15">
      <c r="A4887" s="13"/>
      <c r="B4887" s="14"/>
      <c r="C4887" s="13"/>
      <c r="D4887" s="14"/>
      <c r="E4887" s="14"/>
      <c r="F4887" s="16"/>
      <c r="G4887" s="2"/>
      <c r="H4887" s="2"/>
      <c r="I4887" s="2"/>
      <c r="J4887" s="2"/>
      <c r="K4887" s="2"/>
      <c r="L4887" s="2"/>
    </row>
    <row r="4888" spans="1:12" s="17" customFormat="1" ht="27" customHeight="1" x14ac:dyDescent="0.15">
      <c r="A4888" s="13"/>
      <c r="B4888" s="14"/>
      <c r="C4888" s="13"/>
      <c r="D4888" s="14"/>
      <c r="E4888" s="14"/>
      <c r="F4888" s="16"/>
      <c r="G4888" s="2"/>
      <c r="H4888" s="2"/>
      <c r="I4888" s="2"/>
      <c r="J4888" s="2"/>
      <c r="K4888" s="2"/>
      <c r="L4888" s="2"/>
    </row>
    <row r="4889" spans="1:12" s="17" customFormat="1" ht="27" customHeight="1" x14ac:dyDescent="0.15">
      <c r="A4889" s="13"/>
      <c r="B4889" s="14"/>
      <c r="C4889" s="13"/>
      <c r="D4889" s="14"/>
      <c r="E4889" s="14"/>
      <c r="F4889" s="16"/>
      <c r="G4889" s="2"/>
      <c r="H4889" s="2"/>
      <c r="I4889" s="2"/>
      <c r="J4889" s="2"/>
      <c r="K4889" s="2"/>
      <c r="L4889" s="2"/>
    </row>
    <row r="4890" spans="1:12" s="17" customFormat="1" ht="27" customHeight="1" x14ac:dyDescent="0.15">
      <c r="A4890" s="13"/>
      <c r="B4890" s="14"/>
      <c r="C4890" s="13"/>
      <c r="D4890" s="14"/>
      <c r="E4890" s="14"/>
      <c r="F4890" s="16"/>
      <c r="G4890" s="2"/>
      <c r="H4890" s="2"/>
      <c r="I4890" s="2"/>
      <c r="J4890" s="2"/>
      <c r="K4890" s="2"/>
      <c r="L4890" s="2"/>
    </row>
    <row r="4891" spans="1:12" s="17" customFormat="1" ht="27" customHeight="1" x14ac:dyDescent="0.15">
      <c r="A4891" s="13"/>
      <c r="B4891" s="14"/>
      <c r="C4891" s="13"/>
      <c r="D4891" s="14"/>
      <c r="E4891" s="14"/>
      <c r="F4891" s="16"/>
      <c r="G4891" s="2"/>
      <c r="H4891" s="2"/>
      <c r="I4891" s="2"/>
      <c r="J4891" s="2"/>
      <c r="K4891" s="2"/>
      <c r="L4891" s="2"/>
    </row>
    <row r="4892" spans="1:12" s="17" customFormat="1" ht="27" customHeight="1" x14ac:dyDescent="0.15">
      <c r="A4892" s="13"/>
      <c r="B4892" s="14"/>
      <c r="C4892" s="13"/>
      <c r="D4892" s="14"/>
      <c r="E4892" s="14"/>
      <c r="F4892" s="16"/>
      <c r="G4892" s="2"/>
      <c r="H4892" s="2"/>
      <c r="I4892" s="2"/>
      <c r="J4892" s="2"/>
      <c r="K4892" s="2"/>
      <c r="L4892" s="2"/>
    </row>
    <row r="4893" spans="1:12" s="17" customFormat="1" ht="27" customHeight="1" x14ac:dyDescent="0.15">
      <c r="A4893" s="13"/>
      <c r="B4893" s="14"/>
      <c r="C4893" s="13"/>
      <c r="D4893" s="14"/>
      <c r="E4893" s="14"/>
      <c r="F4893" s="16"/>
      <c r="G4893" s="2"/>
      <c r="H4893" s="2"/>
      <c r="I4893" s="2"/>
      <c r="J4893" s="2"/>
      <c r="K4893" s="2"/>
      <c r="L4893" s="2"/>
    </row>
    <row r="4894" spans="1:12" s="17" customFormat="1" ht="27" customHeight="1" x14ac:dyDescent="0.15">
      <c r="A4894" s="13"/>
      <c r="B4894" s="14"/>
      <c r="C4894" s="13"/>
      <c r="D4894" s="14"/>
      <c r="E4894" s="14"/>
      <c r="F4894" s="16"/>
      <c r="G4894" s="2"/>
      <c r="H4894" s="2"/>
      <c r="I4894" s="2"/>
      <c r="J4894" s="2"/>
      <c r="K4894" s="2"/>
      <c r="L4894" s="2"/>
    </row>
    <row r="4895" spans="1:12" s="17" customFormat="1" ht="27" customHeight="1" x14ac:dyDescent="0.15">
      <c r="A4895" s="13"/>
      <c r="B4895" s="14"/>
      <c r="C4895" s="13"/>
      <c r="D4895" s="14"/>
      <c r="E4895" s="14"/>
      <c r="F4895" s="16"/>
      <c r="G4895" s="2"/>
      <c r="H4895" s="2"/>
      <c r="I4895" s="2"/>
      <c r="J4895" s="2"/>
      <c r="K4895" s="2"/>
      <c r="L4895" s="2"/>
    </row>
    <row r="4896" spans="1:12" s="17" customFormat="1" ht="27" customHeight="1" x14ac:dyDescent="0.15">
      <c r="A4896" s="13"/>
      <c r="B4896" s="14"/>
      <c r="C4896" s="13"/>
      <c r="D4896" s="14"/>
      <c r="E4896" s="14"/>
      <c r="F4896" s="16"/>
      <c r="G4896" s="2"/>
      <c r="H4896" s="2"/>
      <c r="I4896" s="2"/>
      <c r="J4896" s="2"/>
      <c r="K4896" s="2"/>
      <c r="L4896" s="2"/>
    </row>
    <row r="4897" spans="1:12" s="17" customFormat="1" ht="27" customHeight="1" x14ac:dyDescent="0.15">
      <c r="A4897" s="13"/>
      <c r="B4897" s="14"/>
      <c r="C4897" s="13"/>
      <c r="D4897" s="14"/>
      <c r="E4897" s="14"/>
      <c r="F4897" s="16"/>
      <c r="G4897" s="2"/>
      <c r="H4897" s="2"/>
      <c r="I4897" s="2"/>
      <c r="J4897" s="2"/>
      <c r="K4897" s="2"/>
      <c r="L4897" s="2"/>
    </row>
    <row r="4898" spans="1:12" s="17" customFormat="1" ht="27" customHeight="1" x14ac:dyDescent="0.15">
      <c r="A4898" s="13"/>
      <c r="B4898" s="14"/>
      <c r="C4898" s="13"/>
      <c r="D4898" s="14"/>
      <c r="E4898" s="14"/>
      <c r="F4898" s="16"/>
      <c r="G4898" s="2"/>
      <c r="H4898" s="2"/>
      <c r="I4898" s="2"/>
      <c r="J4898" s="2"/>
      <c r="K4898" s="2"/>
      <c r="L4898" s="2"/>
    </row>
    <row r="4899" spans="1:12" s="17" customFormat="1" ht="27" customHeight="1" x14ac:dyDescent="0.15">
      <c r="A4899" s="13"/>
      <c r="B4899" s="14"/>
      <c r="C4899" s="13"/>
      <c r="D4899" s="14"/>
      <c r="E4899" s="14"/>
      <c r="F4899" s="16"/>
      <c r="G4899" s="2"/>
      <c r="H4899" s="2"/>
      <c r="I4899" s="2"/>
      <c r="J4899" s="2"/>
      <c r="K4899" s="2"/>
      <c r="L4899" s="2"/>
    </row>
    <row r="4900" spans="1:12" s="17" customFormat="1" ht="27" customHeight="1" x14ac:dyDescent="0.15">
      <c r="A4900" s="13"/>
      <c r="B4900" s="14"/>
      <c r="C4900" s="13"/>
      <c r="D4900" s="14"/>
      <c r="E4900" s="14"/>
      <c r="F4900" s="16"/>
      <c r="G4900" s="2"/>
      <c r="H4900" s="2"/>
      <c r="I4900" s="2"/>
      <c r="J4900" s="2"/>
      <c r="K4900" s="2"/>
      <c r="L4900" s="2"/>
    </row>
    <row r="4901" spans="1:12" s="17" customFormat="1" ht="27" customHeight="1" x14ac:dyDescent="0.15">
      <c r="A4901" s="13"/>
      <c r="B4901" s="14"/>
      <c r="C4901" s="13"/>
      <c r="D4901" s="14"/>
      <c r="E4901" s="14"/>
      <c r="F4901" s="16"/>
      <c r="G4901" s="2"/>
      <c r="H4901" s="2"/>
      <c r="I4901" s="2"/>
      <c r="J4901" s="2"/>
      <c r="K4901" s="2"/>
      <c r="L4901" s="2"/>
    </row>
    <row r="4902" spans="1:12" s="17" customFormat="1" ht="27" customHeight="1" x14ac:dyDescent="0.15">
      <c r="A4902" s="13"/>
      <c r="B4902" s="14"/>
      <c r="C4902" s="13"/>
      <c r="D4902" s="14"/>
      <c r="E4902" s="14"/>
      <c r="F4902" s="16"/>
      <c r="G4902" s="2"/>
      <c r="H4902" s="2"/>
      <c r="I4902" s="2"/>
      <c r="J4902" s="2"/>
      <c r="K4902" s="2"/>
      <c r="L4902" s="2"/>
    </row>
    <row r="4903" spans="1:12" s="17" customFormat="1" ht="27" customHeight="1" x14ac:dyDescent="0.15">
      <c r="A4903" s="13"/>
      <c r="B4903" s="14"/>
      <c r="C4903" s="13"/>
      <c r="D4903" s="14"/>
      <c r="E4903" s="14"/>
      <c r="F4903" s="16"/>
      <c r="G4903" s="2"/>
      <c r="H4903" s="2"/>
      <c r="I4903" s="2"/>
      <c r="J4903" s="2"/>
      <c r="K4903" s="2"/>
      <c r="L4903" s="2"/>
    </row>
    <row r="4904" spans="1:12" s="17" customFormat="1" ht="27" customHeight="1" x14ac:dyDescent="0.15">
      <c r="A4904" s="13"/>
      <c r="B4904" s="14"/>
      <c r="C4904" s="13"/>
      <c r="D4904" s="14"/>
      <c r="E4904" s="14"/>
      <c r="F4904" s="16"/>
      <c r="G4904" s="2"/>
      <c r="H4904" s="2"/>
      <c r="I4904" s="2"/>
      <c r="J4904" s="2"/>
      <c r="K4904" s="2"/>
      <c r="L4904" s="2"/>
    </row>
    <row r="4905" spans="1:12" s="17" customFormat="1" ht="27" customHeight="1" x14ac:dyDescent="0.15">
      <c r="A4905" s="13"/>
      <c r="B4905" s="14"/>
      <c r="C4905" s="13"/>
      <c r="D4905" s="14"/>
      <c r="E4905" s="14"/>
      <c r="F4905" s="16"/>
      <c r="G4905" s="2"/>
      <c r="H4905" s="2"/>
      <c r="I4905" s="2"/>
      <c r="J4905" s="2"/>
      <c r="K4905" s="2"/>
      <c r="L4905" s="2"/>
    </row>
    <row r="4906" spans="1:12" s="17" customFormat="1" ht="27" customHeight="1" x14ac:dyDescent="0.15">
      <c r="A4906" s="13"/>
      <c r="B4906" s="14"/>
      <c r="C4906" s="13"/>
      <c r="D4906" s="14"/>
      <c r="E4906" s="14"/>
      <c r="F4906" s="16"/>
      <c r="G4906" s="2"/>
      <c r="H4906" s="2"/>
      <c r="I4906" s="2"/>
      <c r="J4906" s="2"/>
      <c r="K4906" s="2"/>
      <c r="L4906" s="2"/>
    </row>
    <row r="4907" spans="1:12" s="17" customFormat="1" ht="27" customHeight="1" x14ac:dyDescent="0.15">
      <c r="A4907" s="13"/>
      <c r="B4907" s="14"/>
      <c r="C4907" s="13"/>
      <c r="D4907" s="14"/>
      <c r="E4907" s="14"/>
      <c r="F4907" s="16"/>
      <c r="G4907" s="2"/>
      <c r="H4907" s="2"/>
      <c r="I4907" s="2"/>
      <c r="J4907" s="2"/>
      <c r="K4907" s="2"/>
      <c r="L4907" s="2"/>
    </row>
    <row r="4908" spans="1:12" s="17" customFormat="1" ht="27" customHeight="1" x14ac:dyDescent="0.15">
      <c r="A4908" s="13"/>
      <c r="B4908" s="14"/>
      <c r="C4908" s="13"/>
      <c r="D4908" s="14"/>
      <c r="E4908" s="14"/>
      <c r="F4908" s="16"/>
      <c r="G4908" s="2"/>
      <c r="H4908" s="2"/>
      <c r="I4908" s="2"/>
      <c r="J4908" s="2"/>
      <c r="K4908" s="2"/>
      <c r="L4908" s="2"/>
    </row>
    <row r="4909" spans="1:12" s="17" customFormat="1" ht="27" customHeight="1" x14ac:dyDescent="0.15">
      <c r="A4909" s="13"/>
      <c r="B4909" s="14"/>
      <c r="C4909" s="13"/>
      <c r="D4909" s="14"/>
      <c r="E4909" s="14"/>
      <c r="F4909" s="16"/>
      <c r="G4909" s="2"/>
      <c r="H4909" s="2"/>
      <c r="I4909" s="2"/>
      <c r="J4909" s="2"/>
      <c r="K4909" s="2"/>
      <c r="L4909" s="2"/>
    </row>
    <row r="4910" spans="1:12" s="17" customFormat="1" ht="27" customHeight="1" x14ac:dyDescent="0.15">
      <c r="A4910" s="13"/>
      <c r="B4910" s="14"/>
      <c r="C4910" s="13"/>
      <c r="D4910" s="14"/>
      <c r="E4910" s="14"/>
      <c r="F4910" s="16"/>
      <c r="G4910" s="2"/>
      <c r="H4910" s="2"/>
      <c r="I4910" s="2"/>
      <c r="J4910" s="2"/>
      <c r="K4910" s="2"/>
      <c r="L4910" s="2"/>
    </row>
    <row r="4911" spans="1:12" s="17" customFormat="1" ht="27" customHeight="1" x14ac:dyDescent="0.15">
      <c r="A4911" s="13"/>
      <c r="B4911" s="14"/>
      <c r="C4911" s="13"/>
      <c r="D4911" s="14"/>
      <c r="E4911" s="14"/>
      <c r="F4911" s="16"/>
      <c r="G4911" s="2"/>
      <c r="H4911" s="2"/>
      <c r="I4911" s="2"/>
      <c r="J4911" s="2"/>
      <c r="K4911" s="2"/>
      <c r="L4911" s="2"/>
    </row>
    <row r="4912" spans="1:12" s="17" customFormat="1" ht="27" customHeight="1" x14ac:dyDescent="0.15">
      <c r="A4912" s="13"/>
      <c r="B4912" s="14"/>
      <c r="C4912" s="13"/>
      <c r="D4912" s="14"/>
      <c r="E4912" s="14"/>
      <c r="F4912" s="16"/>
      <c r="G4912" s="2"/>
      <c r="H4912" s="2"/>
      <c r="I4912" s="2"/>
      <c r="J4912" s="2"/>
      <c r="K4912" s="2"/>
      <c r="L4912" s="2"/>
    </row>
    <row r="4913" spans="1:12" s="17" customFormat="1" ht="27" customHeight="1" x14ac:dyDescent="0.15">
      <c r="A4913" s="13"/>
      <c r="B4913" s="14"/>
      <c r="C4913" s="13"/>
      <c r="D4913" s="14"/>
      <c r="E4913" s="14"/>
      <c r="F4913" s="16"/>
      <c r="G4913" s="2"/>
      <c r="H4913" s="2"/>
      <c r="I4913" s="2"/>
      <c r="J4913" s="2"/>
      <c r="K4913" s="2"/>
      <c r="L4913" s="2"/>
    </row>
    <row r="4914" spans="1:12" s="17" customFormat="1" ht="27" customHeight="1" x14ac:dyDescent="0.15">
      <c r="A4914" s="13"/>
      <c r="B4914" s="14"/>
      <c r="C4914" s="13"/>
      <c r="D4914" s="14"/>
      <c r="E4914" s="14"/>
      <c r="F4914" s="16"/>
      <c r="G4914" s="2"/>
      <c r="H4914" s="2"/>
      <c r="I4914" s="2"/>
      <c r="J4914" s="2"/>
      <c r="K4914" s="2"/>
      <c r="L4914" s="2"/>
    </row>
    <row r="4915" spans="1:12" s="17" customFormat="1" ht="27" customHeight="1" x14ac:dyDescent="0.15">
      <c r="A4915" s="13"/>
      <c r="B4915" s="14"/>
      <c r="C4915" s="13"/>
      <c r="D4915" s="14"/>
      <c r="E4915" s="14"/>
      <c r="F4915" s="16"/>
      <c r="G4915" s="2"/>
      <c r="H4915" s="2"/>
      <c r="I4915" s="2"/>
      <c r="J4915" s="2"/>
      <c r="K4915" s="2"/>
      <c r="L4915" s="2"/>
    </row>
    <row r="4916" spans="1:12" s="17" customFormat="1" ht="27" customHeight="1" x14ac:dyDescent="0.15">
      <c r="A4916" s="13"/>
      <c r="B4916" s="14"/>
      <c r="C4916" s="13"/>
      <c r="D4916" s="14"/>
      <c r="E4916" s="14"/>
      <c r="F4916" s="16"/>
      <c r="G4916" s="2"/>
      <c r="H4916" s="2"/>
      <c r="I4916" s="2"/>
      <c r="J4916" s="2"/>
      <c r="K4916" s="2"/>
      <c r="L4916" s="2"/>
    </row>
    <row r="4917" spans="1:12" s="17" customFormat="1" ht="27" customHeight="1" x14ac:dyDescent="0.15">
      <c r="A4917" s="13"/>
      <c r="B4917" s="14"/>
      <c r="C4917" s="13"/>
      <c r="D4917" s="14"/>
      <c r="E4917" s="14"/>
      <c r="F4917" s="16"/>
      <c r="G4917" s="2"/>
      <c r="H4917" s="2"/>
      <c r="I4917" s="2"/>
      <c r="J4917" s="2"/>
      <c r="K4917" s="2"/>
      <c r="L4917" s="2"/>
    </row>
    <row r="4918" spans="1:12" s="17" customFormat="1" ht="27" customHeight="1" x14ac:dyDescent="0.15">
      <c r="A4918" s="13"/>
      <c r="B4918" s="14"/>
      <c r="C4918" s="13"/>
      <c r="D4918" s="14"/>
      <c r="E4918" s="14"/>
      <c r="F4918" s="16"/>
      <c r="G4918" s="2"/>
      <c r="H4918" s="2"/>
      <c r="I4918" s="2"/>
      <c r="J4918" s="2"/>
      <c r="K4918" s="2"/>
      <c r="L4918" s="2"/>
    </row>
    <row r="4919" spans="1:12" s="17" customFormat="1" ht="27" customHeight="1" x14ac:dyDescent="0.15">
      <c r="A4919" s="13"/>
      <c r="B4919" s="14"/>
      <c r="C4919" s="13"/>
      <c r="D4919" s="14"/>
      <c r="E4919" s="14"/>
      <c r="F4919" s="16"/>
      <c r="G4919" s="2"/>
      <c r="H4919" s="2"/>
      <c r="I4919" s="2"/>
      <c r="J4919" s="2"/>
      <c r="K4919" s="2"/>
      <c r="L4919" s="2"/>
    </row>
    <row r="4920" spans="1:12" s="17" customFormat="1" ht="27" customHeight="1" x14ac:dyDescent="0.15">
      <c r="A4920" s="13"/>
      <c r="B4920" s="14"/>
      <c r="C4920" s="13"/>
      <c r="D4920" s="14"/>
      <c r="E4920" s="14"/>
      <c r="F4920" s="16"/>
      <c r="G4920" s="2"/>
      <c r="H4920" s="2"/>
      <c r="I4920" s="2"/>
      <c r="J4920" s="2"/>
      <c r="K4920" s="2"/>
      <c r="L4920" s="2"/>
    </row>
    <row r="4921" spans="1:12" s="17" customFormat="1" ht="27" customHeight="1" x14ac:dyDescent="0.15">
      <c r="A4921" s="13"/>
      <c r="B4921" s="14"/>
      <c r="C4921" s="13"/>
      <c r="D4921" s="14"/>
      <c r="E4921" s="14"/>
      <c r="F4921" s="16"/>
      <c r="G4921" s="2"/>
      <c r="H4921" s="2"/>
      <c r="I4921" s="2"/>
      <c r="J4921" s="2"/>
      <c r="K4921" s="2"/>
      <c r="L4921" s="2"/>
    </row>
    <row r="4922" spans="1:12" s="17" customFormat="1" ht="27" customHeight="1" x14ac:dyDescent="0.15">
      <c r="A4922" s="13"/>
      <c r="B4922" s="14"/>
      <c r="C4922" s="13"/>
      <c r="D4922" s="14"/>
      <c r="E4922" s="14"/>
      <c r="F4922" s="16"/>
      <c r="G4922" s="2"/>
      <c r="H4922" s="2"/>
      <c r="I4922" s="2"/>
      <c r="J4922" s="2"/>
      <c r="K4922" s="2"/>
      <c r="L4922" s="2"/>
    </row>
    <row r="4923" spans="1:12" s="17" customFormat="1" ht="27" customHeight="1" x14ac:dyDescent="0.15">
      <c r="A4923" s="13"/>
      <c r="B4923" s="14"/>
      <c r="C4923" s="13"/>
      <c r="D4923" s="14"/>
      <c r="E4923" s="14"/>
      <c r="F4923" s="16"/>
      <c r="G4923" s="2"/>
      <c r="H4923" s="2"/>
      <c r="I4923" s="2"/>
      <c r="J4923" s="2"/>
      <c r="K4923" s="2"/>
      <c r="L4923" s="2"/>
    </row>
    <row r="4924" spans="1:12" s="17" customFormat="1" ht="27" customHeight="1" x14ac:dyDescent="0.15">
      <c r="A4924" s="13"/>
      <c r="B4924" s="14"/>
      <c r="C4924" s="13"/>
      <c r="D4924" s="14"/>
      <c r="E4924" s="14"/>
      <c r="F4924" s="16"/>
      <c r="G4924" s="2"/>
      <c r="H4924" s="2"/>
      <c r="I4924" s="2"/>
      <c r="J4924" s="2"/>
      <c r="K4924" s="2"/>
      <c r="L4924" s="2"/>
    </row>
    <row r="4925" spans="1:12" s="17" customFormat="1" ht="27" customHeight="1" x14ac:dyDescent="0.15">
      <c r="A4925" s="13"/>
      <c r="B4925" s="14"/>
      <c r="C4925" s="13"/>
      <c r="D4925" s="14"/>
      <c r="E4925" s="14"/>
      <c r="F4925" s="16"/>
      <c r="G4925" s="2"/>
      <c r="H4925" s="2"/>
      <c r="I4925" s="2"/>
      <c r="J4925" s="2"/>
      <c r="K4925" s="2"/>
      <c r="L4925" s="2"/>
    </row>
    <row r="4926" spans="1:12" s="17" customFormat="1" ht="27" customHeight="1" x14ac:dyDescent="0.15">
      <c r="A4926" s="13"/>
      <c r="B4926" s="14"/>
      <c r="C4926" s="13"/>
      <c r="D4926" s="14"/>
      <c r="E4926" s="14"/>
      <c r="F4926" s="16"/>
      <c r="G4926" s="2"/>
      <c r="H4926" s="2"/>
      <c r="I4926" s="2"/>
      <c r="J4926" s="2"/>
      <c r="K4926" s="2"/>
      <c r="L4926" s="2"/>
    </row>
    <row r="4927" spans="1:12" s="17" customFormat="1" ht="27" customHeight="1" x14ac:dyDescent="0.15">
      <c r="A4927" s="13"/>
      <c r="B4927" s="14"/>
      <c r="C4927" s="13"/>
      <c r="D4927" s="14"/>
      <c r="E4927" s="14"/>
      <c r="F4927" s="16"/>
      <c r="G4927" s="2"/>
      <c r="H4927" s="2"/>
      <c r="I4927" s="2"/>
      <c r="J4927" s="2"/>
      <c r="K4927" s="2"/>
      <c r="L4927" s="2"/>
    </row>
    <row r="4928" spans="1:12" s="17" customFormat="1" ht="27" customHeight="1" x14ac:dyDescent="0.15">
      <c r="A4928" s="13"/>
      <c r="B4928" s="14"/>
      <c r="C4928" s="13"/>
      <c r="D4928" s="14"/>
      <c r="E4928" s="14"/>
      <c r="F4928" s="16"/>
      <c r="G4928" s="2"/>
      <c r="H4928" s="2"/>
      <c r="I4928" s="2"/>
      <c r="J4928" s="2"/>
      <c r="K4928" s="2"/>
      <c r="L4928" s="2"/>
    </row>
    <row r="4929" spans="1:12" s="17" customFormat="1" ht="27" customHeight="1" x14ac:dyDescent="0.15">
      <c r="A4929" s="13"/>
      <c r="B4929" s="14"/>
      <c r="C4929" s="13"/>
      <c r="D4929" s="14"/>
      <c r="E4929" s="14"/>
      <c r="F4929" s="16"/>
      <c r="G4929" s="2"/>
      <c r="H4929" s="2"/>
      <c r="I4929" s="2"/>
      <c r="J4929" s="2"/>
      <c r="K4929" s="2"/>
      <c r="L4929" s="2"/>
    </row>
    <row r="4930" spans="1:12" s="17" customFormat="1" ht="27" customHeight="1" x14ac:dyDescent="0.15">
      <c r="A4930" s="13"/>
      <c r="B4930" s="14"/>
      <c r="C4930" s="13"/>
      <c r="D4930" s="14"/>
      <c r="E4930" s="14"/>
      <c r="F4930" s="16"/>
      <c r="G4930" s="2"/>
      <c r="H4930" s="2"/>
      <c r="I4930" s="2"/>
      <c r="J4930" s="2"/>
      <c r="K4930" s="2"/>
      <c r="L4930" s="2"/>
    </row>
    <row r="4931" spans="1:12" s="17" customFormat="1" ht="27" customHeight="1" x14ac:dyDescent="0.15">
      <c r="A4931" s="13"/>
      <c r="B4931" s="14"/>
      <c r="C4931" s="13"/>
      <c r="D4931" s="14"/>
      <c r="E4931" s="14"/>
      <c r="F4931" s="16"/>
      <c r="G4931" s="2"/>
      <c r="H4931" s="2"/>
      <c r="I4931" s="2"/>
      <c r="J4931" s="2"/>
      <c r="K4931" s="2"/>
      <c r="L4931" s="2"/>
    </row>
    <row r="4932" spans="1:12" s="17" customFormat="1" ht="27" customHeight="1" x14ac:dyDescent="0.15">
      <c r="A4932" s="13"/>
      <c r="B4932" s="14"/>
      <c r="C4932" s="13"/>
      <c r="D4932" s="14"/>
      <c r="E4932" s="14"/>
      <c r="F4932" s="16"/>
      <c r="G4932" s="2"/>
      <c r="H4932" s="2"/>
      <c r="I4932" s="2"/>
      <c r="J4932" s="2"/>
      <c r="K4932" s="2"/>
      <c r="L4932" s="2"/>
    </row>
    <row r="4933" spans="1:12" s="17" customFormat="1" ht="27" customHeight="1" x14ac:dyDescent="0.15">
      <c r="A4933" s="13"/>
      <c r="B4933" s="14"/>
      <c r="C4933" s="13"/>
      <c r="D4933" s="14"/>
      <c r="E4933" s="14"/>
      <c r="F4933" s="16"/>
      <c r="G4933" s="2"/>
      <c r="H4933" s="2"/>
      <c r="I4933" s="2"/>
      <c r="J4933" s="2"/>
      <c r="K4933" s="2"/>
      <c r="L4933" s="2"/>
    </row>
    <row r="4934" spans="1:12" s="17" customFormat="1" ht="27" customHeight="1" x14ac:dyDescent="0.15">
      <c r="A4934" s="13"/>
      <c r="B4934" s="14"/>
      <c r="C4934" s="13"/>
      <c r="D4934" s="14"/>
      <c r="E4934" s="14"/>
      <c r="F4934" s="16"/>
      <c r="G4934" s="2"/>
      <c r="H4934" s="2"/>
      <c r="I4934" s="2"/>
      <c r="J4934" s="2"/>
      <c r="K4934" s="2"/>
      <c r="L4934" s="2"/>
    </row>
    <row r="4935" spans="1:12" s="17" customFormat="1" ht="27" customHeight="1" x14ac:dyDescent="0.15">
      <c r="A4935" s="13"/>
      <c r="B4935" s="14"/>
      <c r="C4935" s="13"/>
      <c r="D4935" s="14"/>
      <c r="E4935" s="14"/>
      <c r="F4935" s="16"/>
      <c r="G4935" s="2"/>
      <c r="H4935" s="2"/>
      <c r="I4935" s="2"/>
      <c r="J4935" s="2"/>
      <c r="K4935" s="2"/>
      <c r="L4935" s="2"/>
    </row>
    <row r="4936" spans="1:12" s="17" customFormat="1" ht="27" customHeight="1" x14ac:dyDescent="0.15">
      <c r="A4936" s="13"/>
      <c r="B4936" s="14"/>
      <c r="C4936" s="13"/>
      <c r="D4936" s="14"/>
      <c r="E4936" s="14"/>
      <c r="F4936" s="16"/>
      <c r="G4936" s="2"/>
      <c r="H4936" s="2"/>
      <c r="I4936" s="2"/>
      <c r="J4936" s="2"/>
      <c r="K4936" s="2"/>
      <c r="L4936" s="2"/>
    </row>
    <row r="4937" spans="1:12" s="17" customFormat="1" ht="27" customHeight="1" x14ac:dyDescent="0.15">
      <c r="A4937" s="13"/>
      <c r="B4937" s="14"/>
      <c r="C4937" s="13"/>
      <c r="D4937" s="14"/>
      <c r="E4937" s="14"/>
      <c r="F4937" s="16"/>
      <c r="G4937" s="2"/>
      <c r="H4937" s="2"/>
      <c r="I4937" s="2"/>
      <c r="J4937" s="2"/>
      <c r="K4937" s="2"/>
      <c r="L4937" s="2"/>
    </row>
    <row r="4938" spans="1:12" s="17" customFormat="1" ht="27" customHeight="1" x14ac:dyDescent="0.15">
      <c r="A4938" s="13"/>
      <c r="B4938" s="14"/>
      <c r="C4938" s="13"/>
      <c r="D4938" s="14"/>
      <c r="E4938" s="14"/>
      <c r="F4938" s="16"/>
      <c r="G4938" s="2"/>
      <c r="H4938" s="2"/>
      <c r="I4938" s="2"/>
      <c r="J4938" s="2"/>
      <c r="K4938" s="2"/>
      <c r="L4938" s="2"/>
    </row>
    <row r="4939" spans="1:12" s="17" customFormat="1" ht="27" customHeight="1" x14ac:dyDescent="0.15">
      <c r="A4939" s="13"/>
      <c r="B4939" s="14"/>
      <c r="C4939" s="13"/>
      <c r="D4939" s="14"/>
      <c r="E4939" s="14"/>
      <c r="F4939" s="16"/>
      <c r="G4939" s="2"/>
      <c r="H4939" s="2"/>
      <c r="I4939" s="2"/>
      <c r="J4939" s="2"/>
      <c r="K4939" s="2"/>
      <c r="L4939" s="2"/>
    </row>
    <row r="4940" spans="1:12" s="17" customFormat="1" ht="27" customHeight="1" x14ac:dyDescent="0.15">
      <c r="A4940" s="13"/>
      <c r="B4940" s="14"/>
      <c r="C4940" s="13"/>
      <c r="D4940" s="14"/>
      <c r="E4940" s="14"/>
      <c r="F4940" s="16"/>
      <c r="G4940" s="2"/>
      <c r="H4940" s="2"/>
      <c r="I4940" s="2"/>
      <c r="J4940" s="2"/>
      <c r="K4940" s="2"/>
      <c r="L4940" s="2"/>
    </row>
    <row r="4941" spans="1:12" s="17" customFormat="1" ht="27" customHeight="1" x14ac:dyDescent="0.15">
      <c r="A4941" s="13"/>
      <c r="B4941" s="14"/>
      <c r="C4941" s="13"/>
      <c r="D4941" s="14"/>
      <c r="E4941" s="14"/>
      <c r="F4941" s="16"/>
      <c r="G4941" s="2"/>
      <c r="H4941" s="2"/>
      <c r="I4941" s="2"/>
      <c r="J4941" s="2"/>
      <c r="K4941" s="2"/>
      <c r="L4941" s="2"/>
    </row>
    <row r="4942" spans="1:12" s="17" customFormat="1" ht="27" customHeight="1" x14ac:dyDescent="0.15">
      <c r="A4942" s="13"/>
      <c r="B4942" s="14"/>
      <c r="C4942" s="13"/>
      <c r="D4942" s="14"/>
      <c r="E4942" s="14"/>
      <c r="F4942" s="16"/>
      <c r="G4942" s="2"/>
      <c r="H4942" s="2"/>
      <c r="I4942" s="2"/>
      <c r="J4942" s="2"/>
      <c r="K4942" s="2"/>
      <c r="L4942" s="2"/>
    </row>
    <row r="4943" spans="1:12" s="17" customFormat="1" ht="27" customHeight="1" x14ac:dyDescent="0.15">
      <c r="A4943" s="13"/>
      <c r="B4943" s="14"/>
      <c r="C4943" s="13"/>
      <c r="D4943" s="14"/>
      <c r="E4943" s="14"/>
      <c r="F4943" s="16"/>
      <c r="G4943" s="2"/>
      <c r="H4943" s="2"/>
      <c r="I4943" s="2"/>
      <c r="J4943" s="2"/>
      <c r="K4943" s="2"/>
      <c r="L4943" s="2"/>
    </row>
    <row r="4944" spans="1:12" s="17" customFormat="1" ht="27" customHeight="1" x14ac:dyDescent="0.15">
      <c r="A4944" s="13"/>
      <c r="B4944" s="14"/>
      <c r="C4944" s="13"/>
      <c r="D4944" s="14"/>
      <c r="E4944" s="14"/>
      <c r="F4944" s="16"/>
      <c r="G4944" s="2"/>
      <c r="H4944" s="2"/>
      <c r="I4944" s="2"/>
      <c r="J4944" s="2"/>
      <c r="K4944" s="2"/>
      <c r="L4944" s="2"/>
    </row>
    <row r="4945" spans="1:12" s="17" customFormat="1" ht="27" customHeight="1" x14ac:dyDescent="0.15">
      <c r="A4945" s="13"/>
      <c r="B4945" s="14"/>
      <c r="C4945" s="13"/>
      <c r="D4945" s="14"/>
      <c r="E4945" s="14"/>
      <c r="F4945" s="16"/>
      <c r="G4945" s="2"/>
      <c r="H4945" s="2"/>
      <c r="I4945" s="2"/>
      <c r="J4945" s="2"/>
      <c r="K4945" s="2"/>
      <c r="L4945" s="2"/>
    </row>
    <row r="4946" spans="1:12" s="17" customFormat="1" ht="27" customHeight="1" x14ac:dyDescent="0.15">
      <c r="A4946" s="13"/>
      <c r="B4946" s="14"/>
      <c r="C4946" s="13"/>
      <c r="D4946" s="14"/>
      <c r="E4946" s="14"/>
      <c r="F4946" s="16"/>
      <c r="G4946" s="2"/>
      <c r="H4946" s="2"/>
      <c r="I4946" s="2"/>
      <c r="J4946" s="2"/>
      <c r="K4946" s="2"/>
      <c r="L4946" s="2"/>
    </row>
    <row r="4947" spans="1:12" s="17" customFormat="1" ht="27" customHeight="1" x14ac:dyDescent="0.15">
      <c r="A4947" s="13"/>
      <c r="B4947" s="14"/>
      <c r="C4947" s="13"/>
      <c r="D4947" s="14"/>
      <c r="E4947" s="14"/>
      <c r="F4947" s="16"/>
      <c r="G4947" s="2"/>
      <c r="H4947" s="2"/>
      <c r="I4947" s="2"/>
      <c r="J4947" s="2"/>
      <c r="K4947" s="2"/>
      <c r="L4947" s="2"/>
    </row>
    <row r="4948" spans="1:12" s="17" customFormat="1" ht="27" customHeight="1" x14ac:dyDescent="0.15">
      <c r="A4948" s="13"/>
      <c r="B4948" s="14"/>
      <c r="C4948" s="13"/>
      <c r="D4948" s="14"/>
      <c r="E4948" s="14"/>
      <c r="F4948" s="16"/>
      <c r="G4948" s="2"/>
      <c r="H4948" s="2"/>
      <c r="I4948" s="2"/>
      <c r="J4948" s="2"/>
      <c r="K4948" s="2"/>
      <c r="L4948" s="2"/>
    </row>
    <row r="4949" spans="1:12" s="17" customFormat="1" ht="27" customHeight="1" x14ac:dyDescent="0.15">
      <c r="A4949" s="13"/>
      <c r="B4949" s="14"/>
      <c r="C4949" s="13"/>
      <c r="D4949" s="14"/>
      <c r="E4949" s="14"/>
      <c r="F4949" s="16"/>
      <c r="G4949" s="2"/>
      <c r="H4949" s="2"/>
      <c r="I4949" s="2"/>
      <c r="J4949" s="2"/>
      <c r="K4949" s="2"/>
      <c r="L4949" s="2"/>
    </row>
    <row r="4950" spans="1:12" s="17" customFormat="1" ht="27" customHeight="1" x14ac:dyDescent="0.15">
      <c r="A4950" s="13"/>
      <c r="B4950" s="14"/>
      <c r="C4950" s="13"/>
      <c r="D4950" s="14"/>
      <c r="E4950" s="14"/>
      <c r="F4950" s="16"/>
      <c r="G4950" s="2"/>
      <c r="H4950" s="2"/>
      <c r="I4950" s="2"/>
      <c r="J4950" s="2"/>
      <c r="K4950" s="2"/>
      <c r="L4950" s="2"/>
    </row>
    <row r="4951" spans="1:12" s="17" customFormat="1" ht="27" customHeight="1" x14ac:dyDescent="0.15">
      <c r="A4951" s="13"/>
      <c r="B4951" s="14"/>
      <c r="C4951" s="13"/>
      <c r="D4951" s="14"/>
      <c r="E4951" s="14"/>
      <c r="F4951" s="16"/>
      <c r="G4951" s="2"/>
      <c r="H4951" s="2"/>
      <c r="I4951" s="2"/>
      <c r="J4951" s="2"/>
      <c r="K4951" s="2"/>
      <c r="L4951" s="2"/>
    </row>
    <row r="4952" spans="1:12" s="17" customFormat="1" ht="27" customHeight="1" x14ac:dyDescent="0.15">
      <c r="A4952" s="13"/>
      <c r="B4952" s="14"/>
      <c r="C4952" s="13"/>
      <c r="D4952" s="14"/>
      <c r="E4952" s="14"/>
      <c r="F4952" s="16"/>
      <c r="G4952" s="2"/>
      <c r="H4952" s="2"/>
      <c r="I4952" s="2"/>
      <c r="J4952" s="2"/>
      <c r="K4952" s="2"/>
      <c r="L4952" s="2"/>
    </row>
    <row r="4953" spans="1:12" s="17" customFormat="1" ht="27" customHeight="1" x14ac:dyDescent="0.15">
      <c r="A4953" s="13"/>
      <c r="B4953" s="14"/>
      <c r="C4953" s="13"/>
      <c r="D4953" s="14"/>
      <c r="E4953" s="14"/>
      <c r="F4953" s="16"/>
      <c r="G4953" s="2"/>
      <c r="H4953" s="2"/>
      <c r="I4953" s="2"/>
      <c r="J4953" s="2"/>
      <c r="K4953" s="2"/>
      <c r="L4953" s="2"/>
    </row>
    <row r="4954" spans="1:12" s="17" customFormat="1" ht="27" customHeight="1" x14ac:dyDescent="0.15">
      <c r="A4954" s="13"/>
      <c r="B4954" s="14"/>
      <c r="C4954" s="13"/>
      <c r="D4954" s="14"/>
      <c r="E4954" s="14"/>
      <c r="F4954" s="16"/>
      <c r="G4954" s="2"/>
      <c r="H4954" s="2"/>
      <c r="I4954" s="2"/>
      <c r="J4954" s="2"/>
      <c r="K4954" s="2"/>
      <c r="L4954" s="2"/>
    </row>
    <row r="4955" spans="1:12" s="17" customFormat="1" ht="27" customHeight="1" x14ac:dyDescent="0.15">
      <c r="A4955" s="13"/>
      <c r="B4955" s="14"/>
      <c r="C4955" s="13"/>
      <c r="D4955" s="14"/>
      <c r="E4955" s="14"/>
      <c r="F4955" s="16"/>
      <c r="G4955" s="2"/>
      <c r="H4955" s="2"/>
      <c r="I4955" s="2"/>
      <c r="J4955" s="2"/>
      <c r="K4955" s="2"/>
      <c r="L4955" s="2"/>
    </row>
    <row r="4956" spans="1:12" s="17" customFormat="1" ht="27" customHeight="1" x14ac:dyDescent="0.15">
      <c r="A4956" s="13"/>
      <c r="B4956" s="14"/>
      <c r="C4956" s="13"/>
      <c r="D4956" s="14"/>
      <c r="E4956" s="14"/>
      <c r="F4956" s="16"/>
      <c r="G4956" s="2"/>
      <c r="H4956" s="2"/>
      <c r="I4956" s="2"/>
      <c r="J4956" s="2"/>
      <c r="K4956" s="2"/>
      <c r="L4956" s="2"/>
    </row>
    <row r="4957" spans="1:12" s="17" customFormat="1" ht="27" customHeight="1" x14ac:dyDescent="0.15">
      <c r="A4957" s="13"/>
      <c r="B4957" s="14"/>
      <c r="C4957" s="13"/>
      <c r="D4957" s="14"/>
      <c r="E4957" s="14"/>
      <c r="F4957" s="16"/>
      <c r="G4957" s="2"/>
      <c r="H4957" s="2"/>
      <c r="I4957" s="2"/>
      <c r="J4957" s="2"/>
      <c r="K4957" s="2"/>
      <c r="L4957" s="2"/>
    </row>
    <row r="4958" spans="1:12" s="17" customFormat="1" ht="27" customHeight="1" x14ac:dyDescent="0.15">
      <c r="A4958" s="13"/>
      <c r="B4958" s="14"/>
      <c r="C4958" s="13"/>
      <c r="D4958" s="14"/>
      <c r="E4958" s="14"/>
      <c r="F4958" s="16"/>
      <c r="G4958" s="2"/>
      <c r="H4958" s="2"/>
      <c r="I4958" s="2"/>
      <c r="J4958" s="2"/>
      <c r="K4958" s="2"/>
      <c r="L4958" s="2"/>
    </row>
    <row r="4959" spans="1:12" s="17" customFormat="1" ht="27" customHeight="1" x14ac:dyDescent="0.15">
      <c r="A4959" s="13"/>
      <c r="B4959" s="14"/>
      <c r="C4959" s="13"/>
      <c r="D4959" s="14"/>
      <c r="E4959" s="14"/>
      <c r="F4959" s="16"/>
      <c r="G4959" s="2"/>
      <c r="H4959" s="2"/>
      <c r="I4959" s="2"/>
      <c r="J4959" s="2"/>
      <c r="K4959" s="2"/>
      <c r="L4959" s="2"/>
    </row>
    <row r="4960" spans="1:12" s="17" customFormat="1" ht="27" customHeight="1" x14ac:dyDescent="0.15">
      <c r="A4960" s="13"/>
      <c r="B4960" s="14"/>
      <c r="C4960" s="13"/>
      <c r="D4960" s="14"/>
      <c r="E4960" s="14"/>
      <c r="F4960" s="16"/>
      <c r="G4960" s="2"/>
      <c r="H4960" s="2"/>
      <c r="I4960" s="2"/>
      <c r="J4960" s="2"/>
      <c r="K4960" s="2"/>
      <c r="L4960" s="2"/>
    </row>
    <row r="4961" spans="1:12" s="17" customFormat="1" ht="27" customHeight="1" x14ac:dyDescent="0.15">
      <c r="A4961" s="13"/>
      <c r="B4961" s="14"/>
      <c r="C4961" s="13"/>
      <c r="D4961" s="14"/>
      <c r="E4961" s="14"/>
      <c r="F4961" s="16"/>
      <c r="G4961" s="2"/>
      <c r="H4961" s="2"/>
      <c r="I4961" s="2"/>
      <c r="J4961" s="2"/>
      <c r="K4961" s="2"/>
      <c r="L4961" s="2"/>
    </row>
    <row r="4962" spans="1:12" s="17" customFormat="1" ht="27" customHeight="1" x14ac:dyDescent="0.15">
      <c r="A4962" s="13"/>
      <c r="B4962" s="14"/>
      <c r="C4962" s="13"/>
      <c r="D4962" s="14"/>
      <c r="E4962" s="14"/>
      <c r="F4962" s="16"/>
      <c r="G4962" s="2"/>
      <c r="H4962" s="2"/>
      <c r="I4962" s="2"/>
      <c r="J4962" s="2"/>
      <c r="K4962" s="2"/>
      <c r="L4962" s="2"/>
    </row>
    <row r="4963" spans="1:12" s="17" customFormat="1" ht="27" customHeight="1" x14ac:dyDescent="0.15">
      <c r="A4963" s="13"/>
      <c r="B4963" s="14"/>
      <c r="C4963" s="13"/>
      <c r="D4963" s="14"/>
      <c r="E4963" s="14"/>
      <c r="F4963" s="16"/>
      <c r="G4963" s="2"/>
      <c r="H4963" s="2"/>
      <c r="I4963" s="2"/>
      <c r="J4963" s="2"/>
      <c r="K4963" s="2"/>
      <c r="L4963" s="2"/>
    </row>
    <row r="4964" spans="1:12" s="17" customFormat="1" ht="27" customHeight="1" x14ac:dyDescent="0.15">
      <c r="A4964" s="13"/>
      <c r="B4964" s="14"/>
      <c r="C4964" s="13"/>
      <c r="D4964" s="14"/>
      <c r="E4964" s="14"/>
      <c r="F4964" s="16"/>
      <c r="G4964" s="2"/>
      <c r="H4964" s="2"/>
      <c r="I4964" s="2"/>
      <c r="J4964" s="2"/>
      <c r="K4964" s="2"/>
      <c r="L4964" s="2"/>
    </row>
    <row r="4965" spans="1:12" s="17" customFormat="1" ht="27" customHeight="1" x14ac:dyDescent="0.15">
      <c r="A4965" s="13"/>
      <c r="B4965" s="14"/>
      <c r="C4965" s="13"/>
      <c r="D4965" s="14"/>
      <c r="E4965" s="14"/>
      <c r="F4965" s="16"/>
      <c r="G4965" s="2"/>
      <c r="H4965" s="2"/>
      <c r="I4965" s="2"/>
      <c r="J4965" s="2"/>
      <c r="K4965" s="2"/>
      <c r="L4965" s="2"/>
    </row>
    <row r="4966" spans="1:12" s="17" customFormat="1" ht="27" customHeight="1" x14ac:dyDescent="0.15">
      <c r="A4966" s="13"/>
      <c r="B4966" s="14"/>
      <c r="C4966" s="13"/>
      <c r="D4966" s="14"/>
      <c r="E4966" s="14"/>
      <c r="F4966" s="16"/>
      <c r="G4966" s="2"/>
      <c r="H4966" s="2"/>
      <c r="I4966" s="2"/>
      <c r="J4966" s="2"/>
      <c r="K4966" s="2"/>
      <c r="L4966" s="2"/>
    </row>
    <row r="4967" spans="1:12" s="17" customFormat="1" ht="27" customHeight="1" x14ac:dyDescent="0.15">
      <c r="A4967" s="13"/>
      <c r="B4967" s="14"/>
      <c r="C4967" s="13"/>
      <c r="D4967" s="14"/>
      <c r="E4967" s="14"/>
      <c r="F4967" s="16"/>
      <c r="G4967" s="2"/>
      <c r="H4967" s="2"/>
      <c r="I4967" s="2"/>
      <c r="J4967" s="2"/>
      <c r="K4967" s="2"/>
      <c r="L4967" s="2"/>
    </row>
    <row r="4968" spans="1:12" s="17" customFormat="1" ht="27" customHeight="1" x14ac:dyDescent="0.15">
      <c r="A4968" s="13"/>
      <c r="B4968" s="14"/>
      <c r="C4968" s="13"/>
      <c r="D4968" s="14"/>
      <c r="E4968" s="14"/>
      <c r="F4968" s="16"/>
      <c r="G4968" s="2"/>
      <c r="H4968" s="2"/>
      <c r="I4968" s="2"/>
      <c r="J4968" s="2"/>
      <c r="K4968" s="2"/>
      <c r="L4968" s="2"/>
    </row>
    <row r="4969" spans="1:12" s="17" customFormat="1" ht="27" customHeight="1" x14ac:dyDescent="0.15">
      <c r="A4969" s="13"/>
      <c r="B4969" s="14"/>
      <c r="C4969" s="13"/>
      <c r="D4969" s="14"/>
      <c r="E4969" s="14"/>
      <c r="F4969" s="16"/>
      <c r="G4969" s="2"/>
      <c r="H4969" s="2"/>
      <c r="I4969" s="2"/>
      <c r="J4969" s="2"/>
      <c r="K4969" s="2"/>
      <c r="L4969" s="2"/>
    </row>
    <row r="4970" spans="1:12" s="17" customFormat="1" ht="27" customHeight="1" x14ac:dyDescent="0.15">
      <c r="A4970" s="13"/>
      <c r="B4970" s="14"/>
      <c r="C4970" s="13"/>
      <c r="D4970" s="14"/>
      <c r="E4970" s="14"/>
      <c r="F4970" s="16"/>
      <c r="G4970" s="2"/>
      <c r="H4970" s="2"/>
      <c r="I4970" s="2"/>
      <c r="J4970" s="2"/>
      <c r="K4970" s="2"/>
      <c r="L4970" s="2"/>
    </row>
    <row r="4971" spans="1:12" s="17" customFormat="1" ht="27" customHeight="1" x14ac:dyDescent="0.15">
      <c r="A4971" s="13"/>
      <c r="B4971" s="14"/>
      <c r="C4971" s="13"/>
      <c r="D4971" s="14"/>
      <c r="E4971" s="14"/>
      <c r="F4971" s="16"/>
      <c r="G4971" s="2"/>
      <c r="H4971" s="2"/>
      <c r="I4971" s="2"/>
      <c r="J4971" s="2"/>
      <c r="K4971" s="2"/>
      <c r="L4971" s="2"/>
    </row>
    <row r="4972" spans="1:12" s="17" customFormat="1" ht="27" customHeight="1" x14ac:dyDescent="0.15">
      <c r="A4972" s="13"/>
      <c r="B4972" s="14"/>
      <c r="C4972" s="13"/>
      <c r="D4972" s="14"/>
      <c r="E4972" s="14"/>
      <c r="F4972" s="16"/>
      <c r="G4972" s="2"/>
      <c r="H4972" s="2"/>
      <c r="I4972" s="2"/>
      <c r="J4972" s="2"/>
      <c r="K4972" s="2"/>
      <c r="L4972" s="2"/>
    </row>
    <row r="4973" spans="1:12" s="17" customFormat="1" ht="27" customHeight="1" x14ac:dyDescent="0.15">
      <c r="A4973" s="13"/>
      <c r="B4973" s="14"/>
      <c r="C4973" s="13"/>
      <c r="D4973" s="14"/>
      <c r="E4973" s="14"/>
      <c r="F4973" s="16"/>
      <c r="G4973" s="2"/>
      <c r="H4973" s="2"/>
      <c r="I4973" s="2"/>
      <c r="J4973" s="2"/>
      <c r="K4973" s="2"/>
      <c r="L4973" s="2"/>
    </row>
    <row r="4974" spans="1:12" s="17" customFormat="1" ht="27" customHeight="1" x14ac:dyDescent="0.15">
      <c r="A4974" s="13"/>
      <c r="B4974" s="14"/>
      <c r="C4974" s="13"/>
      <c r="D4974" s="14"/>
      <c r="E4974" s="14"/>
      <c r="F4974" s="16"/>
      <c r="G4974" s="2"/>
      <c r="H4974" s="2"/>
      <c r="I4974" s="2"/>
      <c r="J4974" s="2"/>
      <c r="K4974" s="2"/>
      <c r="L4974" s="2"/>
    </row>
    <row r="4975" spans="1:12" s="17" customFormat="1" ht="27" customHeight="1" x14ac:dyDescent="0.15">
      <c r="A4975" s="13"/>
      <c r="B4975" s="14"/>
      <c r="C4975" s="13"/>
      <c r="D4975" s="14"/>
      <c r="E4975" s="14"/>
      <c r="F4975" s="16"/>
      <c r="G4975" s="2"/>
      <c r="H4975" s="2"/>
      <c r="I4975" s="2"/>
      <c r="J4975" s="2"/>
      <c r="K4975" s="2"/>
      <c r="L4975" s="2"/>
    </row>
    <row r="4976" spans="1:12" s="17" customFormat="1" ht="27" customHeight="1" x14ac:dyDescent="0.15">
      <c r="A4976" s="13"/>
      <c r="B4976" s="14"/>
      <c r="C4976" s="13"/>
      <c r="D4976" s="14"/>
      <c r="E4976" s="14"/>
      <c r="F4976" s="16"/>
      <c r="G4976" s="2"/>
      <c r="H4976" s="2"/>
      <c r="I4976" s="2"/>
      <c r="J4976" s="2"/>
      <c r="K4976" s="2"/>
      <c r="L4976" s="2"/>
    </row>
    <row r="4977" spans="1:12" s="17" customFormat="1" ht="27" customHeight="1" x14ac:dyDescent="0.15">
      <c r="A4977" s="13"/>
      <c r="B4977" s="14"/>
      <c r="C4977" s="13"/>
      <c r="D4977" s="14"/>
      <c r="E4977" s="14"/>
      <c r="F4977" s="16"/>
      <c r="G4977" s="2"/>
      <c r="H4977" s="2"/>
      <c r="I4977" s="2"/>
      <c r="J4977" s="2"/>
      <c r="K4977" s="2"/>
      <c r="L4977" s="2"/>
    </row>
    <row r="4978" spans="1:12" s="17" customFormat="1" ht="27" customHeight="1" x14ac:dyDescent="0.15">
      <c r="A4978" s="13"/>
      <c r="B4978" s="14"/>
      <c r="C4978" s="13"/>
      <c r="D4978" s="14"/>
      <c r="E4978" s="14"/>
      <c r="F4978" s="16"/>
      <c r="G4978" s="2"/>
      <c r="H4978" s="2"/>
      <c r="I4978" s="2"/>
      <c r="J4978" s="2"/>
      <c r="K4978" s="2"/>
      <c r="L4978" s="2"/>
    </row>
    <row r="4979" spans="1:12" s="17" customFormat="1" ht="27" customHeight="1" x14ac:dyDescent="0.15">
      <c r="A4979" s="13"/>
      <c r="B4979" s="14"/>
      <c r="C4979" s="13"/>
      <c r="D4979" s="14"/>
      <c r="E4979" s="14"/>
      <c r="F4979" s="16"/>
      <c r="G4979" s="2"/>
      <c r="H4979" s="2"/>
      <c r="I4979" s="2"/>
      <c r="J4979" s="2"/>
      <c r="K4979" s="2"/>
      <c r="L4979" s="2"/>
    </row>
    <row r="4980" spans="1:12" s="17" customFormat="1" ht="27" customHeight="1" x14ac:dyDescent="0.15">
      <c r="A4980" s="13"/>
      <c r="B4980" s="14"/>
      <c r="C4980" s="13"/>
      <c r="D4980" s="14"/>
      <c r="E4980" s="14"/>
      <c r="F4980" s="16"/>
      <c r="G4980" s="2"/>
      <c r="H4980" s="2"/>
      <c r="I4980" s="2"/>
      <c r="J4980" s="2"/>
      <c r="K4980" s="2"/>
      <c r="L4980" s="2"/>
    </row>
    <row r="4981" spans="1:12" s="17" customFormat="1" ht="27" customHeight="1" x14ac:dyDescent="0.15">
      <c r="A4981" s="13"/>
      <c r="B4981" s="14"/>
      <c r="C4981" s="13"/>
      <c r="D4981" s="14"/>
      <c r="E4981" s="14"/>
      <c r="F4981" s="16"/>
      <c r="G4981" s="2"/>
      <c r="H4981" s="2"/>
      <c r="I4981" s="2"/>
      <c r="J4981" s="2"/>
      <c r="K4981" s="2"/>
      <c r="L4981" s="2"/>
    </row>
    <row r="4982" spans="1:12" s="17" customFormat="1" ht="27" customHeight="1" x14ac:dyDescent="0.15">
      <c r="A4982" s="13"/>
      <c r="B4982" s="14"/>
      <c r="C4982" s="13"/>
      <c r="D4982" s="14"/>
      <c r="E4982" s="14"/>
      <c r="F4982" s="16"/>
      <c r="G4982" s="2"/>
      <c r="H4982" s="2"/>
      <c r="I4982" s="2"/>
      <c r="J4982" s="2"/>
      <c r="K4982" s="2"/>
      <c r="L4982" s="2"/>
    </row>
    <row r="4983" spans="1:12" s="17" customFormat="1" ht="27" customHeight="1" x14ac:dyDescent="0.15">
      <c r="A4983" s="13"/>
      <c r="B4983" s="14"/>
      <c r="C4983" s="13"/>
      <c r="D4983" s="14"/>
      <c r="E4983" s="14"/>
      <c r="F4983" s="16"/>
      <c r="G4983" s="2"/>
      <c r="H4983" s="2"/>
      <c r="I4983" s="2"/>
      <c r="J4983" s="2"/>
      <c r="K4983" s="2"/>
      <c r="L4983" s="2"/>
    </row>
    <row r="4984" spans="1:12" s="17" customFormat="1" ht="27" customHeight="1" x14ac:dyDescent="0.15">
      <c r="A4984" s="13"/>
      <c r="B4984" s="14"/>
      <c r="C4984" s="13"/>
      <c r="D4984" s="14"/>
      <c r="E4984" s="14"/>
      <c r="F4984" s="16"/>
      <c r="G4984" s="2"/>
      <c r="H4984" s="2"/>
      <c r="I4984" s="2"/>
      <c r="J4984" s="2"/>
      <c r="K4984" s="2"/>
      <c r="L4984" s="2"/>
    </row>
    <row r="4985" spans="1:12" s="17" customFormat="1" ht="27" customHeight="1" x14ac:dyDescent="0.15">
      <c r="A4985" s="13"/>
      <c r="B4985" s="14"/>
      <c r="C4985" s="13"/>
      <c r="D4985" s="14"/>
      <c r="E4985" s="14"/>
      <c r="F4985" s="16"/>
      <c r="G4985" s="2"/>
      <c r="H4985" s="2"/>
      <c r="I4985" s="2"/>
      <c r="J4985" s="2"/>
      <c r="K4985" s="2"/>
      <c r="L4985" s="2"/>
    </row>
    <row r="4986" spans="1:12" s="17" customFormat="1" ht="27" customHeight="1" x14ac:dyDescent="0.15">
      <c r="A4986" s="13"/>
      <c r="B4986" s="14"/>
      <c r="C4986" s="13"/>
      <c r="D4986" s="14"/>
      <c r="E4986" s="14"/>
      <c r="F4986" s="16"/>
      <c r="G4986" s="2"/>
      <c r="H4986" s="2"/>
      <c r="I4986" s="2"/>
      <c r="J4986" s="2"/>
      <c r="K4986" s="2"/>
      <c r="L4986" s="2"/>
    </row>
    <row r="4987" spans="1:12" s="17" customFormat="1" ht="27" customHeight="1" x14ac:dyDescent="0.15">
      <c r="A4987" s="13"/>
      <c r="B4987" s="14"/>
      <c r="C4987" s="13"/>
      <c r="D4987" s="14"/>
      <c r="E4987" s="14"/>
      <c r="F4987" s="16"/>
      <c r="G4987" s="2"/>
      <c r="H4987" s="2"/>
      <c r="I4987" s="2"/>
      <c r="J4987" s="2"/>
      <c r="K4987" s="2"/>
      <c r="L4987" s="2"/>
    </row>
    <row r="4988" spans="1:12" s="17" customFormat="1" ht="27" customHeight="1" x14ac:dyDescent="0.15">
      <c r="A4988" s="13"/>
      <c r="B4988" s="14"/>
      <c r="C4988" s="13"/>
      <c r="D4988" s="14"/>
      <c r="E4988" s="14"/>
      <c r="F4988" s="16"/>
      <c r="G4988" s="2"/>
      <c r="H4988" s="2"/>
      <c r="I4988" s="2"/>
      <c r="J4988" s="2"/>
      <c r="K4988" s="2"/>
      <c r="L4988" s="2"/>
    </row>
    <row r="4989" spans="1:12" s="17" customFormat="1" ht="27" customHeight="1" x14ac:dyDescent="0.15">
      <c r="A4989" s="13"/>
      <c r="B4989" s="14"/>
      <c r="C4989" s="13"/>
      <c r="D4989" s="14"/>
      <c r="E4989" s="14"/>
      <c r="F4989" s="16"/>
      <c r="G4989" s="2"/>
      <c r="H4989" s="2"/>
      <c r="I4989" s="2"/>
      <c r="J4989" s="2"/>
      <c r="K4989" s="2"/>
      <c r="L4989" s="2"/>
    </row>
    <row r="4990" spans="1:12" s="17" customFormat="1" ht="27" customHeight="1" x14ac:dyDescent="0.15">
      <c r="A4990" s="13"/>
      <c r="B4990" s="14"/>
      <c r="C4990" s="13"/>
      <c r="D4990" s="14"/>
      <c r="E4990" s="14"/>
      <c r="F4990" s="16"/>
      <c r="G4990" s="2"/>
      <c r="H4990" s="2"/>
      <c r="I4990" s="2"/>
      <c r="J4990" s="2"/>
      <c r="K4990" s="2"/>
      <c r="L4990" s="2"/>
    </row>
    <row r="4991" spans="1:12" s="17" customFormat="1" ht="27" customHeight="1" x14ac:dyDescent="0.15">
      <c r="A4991" s="13"/>
      <c r="B4991" s="14"/>
      <c r="C4991" s="13"/>
      <c r="D4991" s="14"/>
      <c r="E4991" s="14"/>
      <c r="F4991" s="16"/>
      <c r="G4991" s="2"/>
      <c r="H4991" s="2"/>
      <c r="I4991" s="2"/>
      <c r="J4991" s="2"/>
      <c r="K4991" s="2"/>
      <c r="L4991" s="2"/>
    </row>
    <row r="4992" spans="1:12" s="17" customFormat="1" ht="27" customHeight="1" x14ac:dyDescent="0.15">
      <c r="A4992" s="13"/>
      <c r="B4992" s="14"/>
      <c r="C4992" s="13"/>
      <c r="D4992" s="14"/>
      <c r="E4992" s="14"/>
      <c r="F4992" s="16"/>
      <c r="G4992" s="2"/>
      <c r="H4992" s="2"/>
      <c r="I4992" s="2"/>
      <c r="J4992" s="2"/>
      <c r="K4992" s="2"/>
      <c r="L4992" s="2"/>
    </row>
    <row r="4993" spans="1:12" s="17" customFormat="1" ht="27" customHeight="1" x14ac:dyDescent="0.15">
      <c r="A4993" s="13"/>
      <c r="B4993" s="14"/>
      <c r="C4993" s="13"/>
      <c r="D4993" s="14"/>
      <c r="E4993" s="14"/>
      <c r="F4993" s="16"/>
      <c r="G4993" s="2"/>
      <c r="H4993" s="2"/>
      <c r="I4993" s="2"/>
      <c r="J4993" s="2"/>
      <c r="K4993" s="2"/>
      <c r="L4993" s="2"/>
    </row>
    <row r="4994" spans="1:12" s="17" customFormat="1" ht="27" customHeight="1" x14ac:dyDescent="0.15">
      <c r="A4994" s="13"/>
      <c r="B4994" s="14"/>
      <c r="C4994" s="13"/>
      <c r="D4994" s="14"/>
      <c r="E4994" s="14"/>
      <c r="F4994" s="16"/>
      <c r="G4994" s="2"/>
      <c r="H4994" s="2"/>
      <c r="I4994" s="2"/>
      <c r="J4994" s="2"/>
      <c r="K4994" s="2"/>
      <c r="L4994" s="2"/>
    </row>
    <row r="4995" spans="1:12" s="17" customFormat="1" ht="27" customHeight="1" x14ac:dyDescent="0.15">
      <c r="A4995" s="13"/>
      <c r="B4995" s="14"/>
      <c r="C4995" s="13"/>
      <c r="D4995" s="14"/>
      <c r="E4995" s="14"/>
      <c r="F4995" s="16"/>
      <c r="G4995" s="2"/>
      <c r="H4995" s="2"/>
      <c r="I4995" s="2"/>
      <c r="J4995" s="2"/>
      <c r="K4995" s="2"/>
      <c r="L4995" s="2"/>
    </row>
    <row r="4996" spans="1:12" s="17" customFormat="1" ht="27" customHeight="1" x14ac:dyDescent="0.15">
      <c r="A4996" s="13"/>
      <c r="B4996" s="14"/>
      <c r="C4996" s="13"/>
      <c r="D4996" s="14"/>
      <c r="E4996" s="14"/>
      <c r="F4996" s="16"/>
      <c r="G4996" s="2"/>
      <c r="H4996" s="2"/>
      <c r="I4996" s="2"/>
      <c r="J4996" s="2"/>
      <c r="K4996" s="2"/>
      <c r="L4996" s="2"/>
    </row>
    <row r="4997" spans="1:12" s="17" customFormat="1" ht="27" customHeight="1" x14ac:dyDescent="0.15">
      <c r="A4997" s="13"/>
      <c r="B4997" s="14"/>
      <c r="C4997" s="13"/>
      <c r="D4997" s="14"/>
      <c r="E4997" s="14"/>
      <c r="F4997" s="16"/>
      <c r="G4997" s="2"/>
      <c r="H4997" s="2"/>
      <c r="I4997" s="2"/>
      <c r="J4997" s="2"/>
      <c r="K4997" s="2"/>
      <c r="L4997" s="2"/>
    </row>
    <row r="4998" spans="1:12" s="17" customFormat="1" ht="27" customHeight="1" x14ac:dyDescent="0.15">
      <c r="A4998" s="13"/>
      <c r="B4998" s="14"/>
      <c r="C4998" s="13"/>
      <c r="D4998" s="14"/>
      <c r="E4998" s="14"/>
      <c r="F4998" s="16"/>
      <c r="G4998" s="2"/>
      <c r="H4998" s="2"/>
      <c r="I4998" s="2"/>
      <c r="J4998" s="2"/>
      <c r="K4998" s="2"/>
      <c r="L4998" s="2"/>
    </row>
    <row r="4999" spans="1:12" s="17" customFormat="1" ht="27" customHeight="1" x14ac:dyDescent="0.15">
      <c r="A4999" s="13"/>
      <c r="B4999" s="14"/>
      <c r="C4999" s="13"/>
      <c r="D4999" s="14"/>
      <c r="E4999" s="14"/>
      <c r="F4999" s="16"/>
      <c r="G4999" s="2"/>
      <c r="H4999" s="2"/>
      <c r="I4999" s="2"/>
      <c r="J4999" s="2"/>
      <c r="K4999" s="2"/>
      <c r="L4999" s="2"/>
    </row>
    <row r="5000" spans="1:12" s="17" customFormat="1" ht="27" customHeight="1" x14ac:dyDescent="0.15">
      <c r="A5000" s="13"/>
      <c r="B5000" s="14"/>
      <c r="C5000" s="13"/>
      <c r="D5000" s="14"/>
      <c r="E5000" s="14"/>
      <c r="F5000" s="16"/>
      <c r="G5000" s="2"/>
      <c r="H5000" s="2"/>
      <c r="I5000" s="2"/>
      <c r="J5000" s="2"/>
      <c r="K5000" s="2"/>
      <c r="L5000" s="2"/>
    </row>
    <row r="5001" spans="1:12" s="17" customFormat="1" ht="27" customHeight="1" x14ac:dyDescent="0.15">
      <c r="A5001" s="13"/>
      <c r="B5001" s="14"/>
      <c r="C5001" s="13"/>
      <c r="D5001" s="14"/>
      <c r="E5001" s="14"/>
      <c r="F5001" s="16"/>
      <c r="G5001" s="2"/>
      <c r="H5001" s="2"/>
      <c r="I5001" s="2"/>
      <c r="J5001" s="2"/>
      <c r="K5001" s="2"/>
      <c r="L5001" s="2"/>
    </row>
    <row r="5002" spans="1:12" s="17" customFormat="1" ht="27" customHeight="1" x14ac:dyDescent="0.15">
      <c r="A5002" s="13"/>
      <c r="B5002" s="14"/>
      <c r="C5002" s="13"/>
      <c r="D5002" s="14"/>
      <c r="E5002" s="14"/>
      <c r="F5002" s="16"/>
      <c r="G5002" s="2"/>
      <c r="H5002" s="2"/>
      <c r="I5002" s="2"/>
      <c r="J5002" s="2"/>
      <c r="K5002" s="2"/>
      <c r="L5002" s="2"/>
    </row>
    <row r="5003" spans="1:12" s="17" customFormat="1" ht="27" customHeight="1" x14ac:dyDescent="0.15">
      <c r="A5003" s="13"/>
      <c r="B5003" s="14"/>
      <c r="C5003" s="13"/>
      <c r="D5003" s="14"/>
      <c r="E5003" s="14"/>
      <c r="F5003" s="16"/>
      <c r="G5003" s="2"/>
      <c r="H5003" s="2"/>
      <c r="I5003" s="2"/>
      <c r="J5003" s="2"/>
      <c r="K5003" s="2"/>
      <c r="L5003" s="2"/>
    </row>
    <row r="5004" spans="1:12" s="17" customFormat="1" ht="27" customHeight="1" x14ac:dyDescent="0.15">
      <c r="A5004" s="13"/>
      <c r="B5004" s="14"/>
      <c r="C5004" s="13"/>
      <c r="D5004" s="14"/>
      <c r="E5004" s="14"/>
      <c r="F5004" s="16"/>
      <c r="G5004" s="2"/>
      <c r="H5004" s="2"/>
      <c r="I5004" s="2"/>
      <c r="J5004" s="2"/>
      <c r="K5004" s="2"/>
      <c r="L5004" s="2"/>
    </row>
    <row r="5005" spans="1:12" s="17" customFormat="1" ht="27" customHeight="1" x14ac:dyDescent="0.15">
      <c r="A5005" s="13"/>
      <c r="B5005" s="14"/>
      <c r="C5005" s="13"/>
      <c r="D5005" s="14"/>
      <c r="E5005" s="14"/>
      <c r="F5005" s="16"/>
      <c r="G5005" s="2"/>
      <c r="H5005" s="2"/>
      <c r="I5005" s="2"/>
      <c r="J5005" s="2"/>
      <c r="K5005" s="2"/>
      <c r="L5005" s="2"/>
    </row>
    <row r="5006" spans="1:12" s="17" customFormat="1" ht="27" customHeight="1" x14ac:dyDescent="0.15">
      <c r="A5006" s="13"/>
      <c r="B5006" s="14"/>
      <c r="C5006" s="13"/>
      <c r="D5006" s="14"/>
      <c r="E5006" s="14"/>
      <c r="F5006" s="16"/>
      <c r="G5006" s="2"/>
      <c r="H5006" s="2"/>
      <c r="I5006" s="2"/>
      <c r="J5006" s="2"/>
      <c r="K5006" s="2"/>
      <c r="L5006" s="2"/>
    </row>
    <row r="5007" spans="1:12" s="17" customFormat="1" ht="27" customHeight="1" x14ac:dyDescent="0.15">
      <c r="A5007" s="13"/>
      <c r="B5007" s="14"/>
      <c r="C5007" s="13"/>
      <c r="D5007" s="14"/>
      <c r="E5007" s="14"/>
      <c r="F5007" s="16"/>
      <c r="G5007" s="2"/>
      <c r="H5007" s="2"/>
      <c r="I5007" s="2"/>
      <c r="J5007" s="2"/>
      <c r="K5007" s="2"/>
      <c r="L5007" s="2"/>
    </row>
    <row r="5008" spans="1:12" s="17" customFormat="1" ht="27" customHeight="1" x14ac:dyDescent="0.15">
      <c r="A5008" s="13"/>
      <c r="B5008" s="14"/>
      <c r="C5008" s="13"/>
      <c r="D5008" s="14"/>
      <c r="E5008" s="14"/>
      <c r="F5008" s="16"/>
      <c r="G5008" s="2"/>
      <c r="H5008" s="2"/>
      <c r="I5008" s="2"/>
      <c r="J5008" s="2"/>
      <c r="K5008" s="2"/>
      <c r="L5008" s="2"/>
    </row>
    <row r="5009" spans="1:12" s="17" customFormat="1" ht="27" customHeight="1" x14ac:dyDescent="0.15">
      <c r="A5009" s="13"/>
      <c r="B5009" s="14"/>
      <c r="C5009" s="13"/>
      <c r="D5009" s="14"/>
      <c r="E5009" s="14"/>
      <c r="F5009" s="16"/>
      <c r="G5009" s="2"/>
      <c r="H5009" s="2"/>
      <c r="I5009" s="2"/>
      <c r="J5009" s="2"/>
      <c r="K5009" s="2"/>
      <c r="L5009" s="2"/>
    </row>
    <row r="5010" spans="1:12" s="17" customFormat="1" ht="27" customHeight="1" x14ac:dyDescent="0.15">
      <c r="A5010" s="13"/>
      <c r="B5010" s="14"/>
      <c r="C5010" s="13"/>
      <c r="D5010" s="14"/>
      <c r="E5010" s="14"/>
      <c r="F5010" s="16"/>
      <c r="G5010" s="2"/>
      <c r="H5010" s="2"/>
      <c r="I5010" s="2"/>
      <c r="J5010" s="2"/>
      <c r="K5010" s="2"/>
      <c r="L5010" s="2"/>
    </row>
    <row r="5011" spans="1:12" s="17" customFormat="1" ht="27" customHeight="1" x14ac:dyDescent="0.15">
      <c r="A5011" s="13"/>
      <c r="B5011" s="14"/>
      <c r="C5011" s="13"/>
      <c r="D5011" s="14"/>
      <c r="E5011" s="14"/>
      <c r="F5011" s="16"/>
      <c r="G5011" s="2"/>
      <c r="H5011" s="2"/>
      <c r="I5011" s="2"/>
      <c r="J5011" s="2"/>
      <c r="K5011" s="2"/>
      <c r="L5011" s="2"/>
    </row>
    <row r="5012" spans="1:12" s="17" customFormat="1" ht="27" customHeight="1" x14ac:dyDescent="0.15">
      <c r="A5012" s="13"/>
      <c r="B5012" s="14"/>
      <c r="C5012" s="13"/>
      <c r="D5012" s="14"/>
      <c r="E5012" s="14"/>
      <c r="F5012" s="16"/>
      <c r="G5012" s="2"/>
      <c r="H5012" s="2"/>
      <c r="I5012" s="2"/>
      <c r="J5012" s="2"/>
      <c r="K5012" s="2"/>
      <c r="L5012" s="2"/>
    </row>
    <row r="5013" spans="1:12" s="17" customFormat="1" ht="27" customHeight="1" x14ac:dyDescent="0.15">
      <c r="A5013" s="13"/>
      <c r="B5013" s="14"/>
      <c r="C5013" s="13"/>
      <c r="D5013" s="14"/>
      <c r="E5013" s="14"/>
      <c r="F5013" s="16"/>
      <c r="G5013" s="2"/>
      <c r="H5013" s="2"/>
      <c r="I5013" s="2"/>
      <c r="J5013" s="2"/>
      <c r="K5013" s="2"/>
      <c r="L5013" s="2"/>
    </row>
    <row r="5014" spans="1:12" s="17" customFormat="1" ht="27" customHeight="1" x14ac:dyDescent="0.15">
      <c r="A5014" s="13"/>
      <c r="B5014" s="14"/>
      <c r="C5014" s="13"/>
      <c r="D5014" s="14"/>
      <c r="E5014" s="14"/>
      <c r="F5014" s="16"/>
      <c r="G5014" s="2"/>
      <c r="H5014" s="2"/>
      <c r="I5014" s="2"/>
      <c r="J5014" s="2"/>
      <c r="K5014" s="2"/>
      <c r="L5014" s="2"/>
    </row>
    <row r="5015" spans="1:12" s="17" customFormat="1" ht="27" customHeight="1" x14ac:dyDescent="0.15">
      <c r="A5015" s="13"/>
      <c r="B5015" s="14"/>
      <c r="C5015" s="13"/>
      <c r="D5015" s="14"/>
      <c r="E5015" s="14"/>
      <c r="F5015" s="16"/>
      <c r="G5015" s="2"/>
      <c r="H5015" s="2"/>
      <c r="I5015" s="2"/>
      <c r="J5015" s="2"/>
      <c r="K5015" s="2"/>
      <c r="L5015" s="2"/>
    </row>
    <row r="5016" spans="1:12" s="17" customFormat="1" ht="27" customHeight="1" x14ac:dyDescent="0.15">
      <c r="A5016" s="13"/>
      <c r="B5016" s="14"/>
      <c r="C5016" s="13"/>
      <c r="D5016" s="14"/>
      <c r="E5016" s="14"/>
      <c r="F5016" s="16"/>
      <c r="G5016" s="2"/>
      <c r="H5016" s="2"/>
      <c r="I5016" s="2"/>
      <c r="J5016" s="2"/>
      <c r="K5016" s="2"/>
      <c r="L5016" s="2"/>
    </row>
    <row r="5017" spans="1:12" s="17" customFormat="1" ht="27" customHeight="1" x14ac:dyDescent="0.15">
      <c r="A5017" s="13"/>
      <c r="B5017" s="14"/>
      <c r="C5017" s="13"/>
      <c r="D5017" s="14"/>
      <c r="E5017" s="14"/>
      <c r="F5017" s="16"/>
      <c r="G5017" s="2"/>
      <c r="H5017" s="2"/>
      <c r="I5017" s="2"/>
      <c r="J5017" s="2"/>
      <c r="K5017" s="2"/>
      <c r="L5017" s="2"/>
    </row>
    <row r="5018" spans="1:12" s="17" customFormat="1" ht="27" customHeight="1" x14ac:dyDescent="0.15">
      <c r="A5018" s="13"/>
      <c r="B5018" s="14"/>
      <c r="C5018" s="13"/>
      <c r="D5018" s="14"/>
      <c r="E5018" s="14"/>
      <c r="F5018" s="16"/>
      <c r="G5018" s="2"/>
      <c r="H5018" s="2"/>
      <c r="I5018" s="2"/>
      <c r="J5018" s="2"/>
      <c r="K5018" s="2"/>
      <c r="L5018" s="2"/>
    </row>
    <row r="5019" spans="1:12" s="17" customFormat="1" ht="27" customHeight="1" x14ac:dyDescent="0.15">
      <c r="A5019" s="13"/>
      <c r="B5019" s="14"/>
      <c r="C5019" s="13"/>
      <c r="D5019" s="14"/>
      <c r="E5019" s="14"/>
      <c r="F5019" s="16"/>
      <c r="G5019" s="2"/>
      <c r="H5019" s="2"/>
      <c r="I5019" s="2"/>
      <c r="J5019" s="2"/>
      <c r="K5019" s="2"/>
      <c r="L5019" s="2"/>
    </row>
    <row r="5020" spans="1:12" s="17" customFormat="1" ht="27" customHeight="1" x14ac:dyDescent="0.15">
      <c r="A5020" s="13"/>
      <c r="B5020" s="14"/>
      <c r="C5020" s="13"/>
      <c r="D5020" s="14"/>
      <c r="E5020" s="14"/>
      <c r="F5020" s="16"/>
      <c r="G5020" s="2"/>
      <c r="H5020" s="2"/>
      <c r="I5020" s="2"/>
      <c r="J5020" s="2"/>
      <c r="K5020" s="2"/>
      <c r="L5020" s="2"/>
    </row>
    <row r="5021" spans="1:12" s="17" customFormat="1" ht="27" customHeight="1" x14ac:dyDescent="0.15">
      <c r="A5021" s="13"/>
      <c r="B5021" s="14"/>
      <c r="C5021" s="13"/>
      <c r="D5021" s="14"/>
      <c r="E5021" s="14"/>
      <c r="F5021" s="16"/>
      <c r="G5021" s="2"/>
      <c r="H5021" s="2"/>
      <c r="I5021" s="2"/>
      <c r="J5021" s="2"/>
      <c r="K5021" s="2"/>
      <c r="L5021" s="2"/>
    </row>
    <row r="5022" spans="1:12" s="17" customFormat="1" ht="27" customHeight="1" x14ac:dyDescent="0.15">
      <c r="A5022" s="13"/>
      <c r="B5022" s="14"/>
      <c r="C5022" s="13"/>
      <c r="D5022" s="14"/>
      <c r="E5022" s="14"/>
      <c r="F5022" s="16"/>
      <c r="G5022" s="2"/>
      <c r="H5022" s="2"/>
      <c r="I5022" s="2"/>
      <c r="J5022" s="2"/>
      <c r="K5022" s="2"/>
      <c r="L5022" s="2"/>
    </row>
    <row r="5023" spans="1:12" s="17" customFormat="1" ht="27" customHeight="1" x14ac:dyDescent="0.15">
      <c r="A5023" s="13"/>
      <c r="B5023" s="14"/>
      <c r="C5023" s="13"/>
      <c r="D5023" s="14"/>
      <c r="E5023" s="14"/>
      <c r="F5023" s="16"/>
      <c r="G5023" s="2"/>
      <c r="H5023" s="2"/>
      <c r="I5023" s="2"/>
      <c r="J5023" s="2"/>
      <c r="K5023" s="2"/>
      <c r="L5023" s="2"/>
    </row>
    <row r="5024" spans="1:12" s="17" customFormat="1" ht="27" customHeight="1" x14ac:dyDescent="0.15">
      <c r="A5024" s="13"/>
      <c r="B5024" s="14"/>
      <c r="C5024" s="13"/>
      <c r="D5024" s="14"/>
      <c r="E5024" s="14"/>
      <c r="F5024" s="16"/>
      <c r="G5024" s="2"/>
      <c r="H5024" s="2"/>
      <c r="I5024" s="2"/>
      <c r="J5024" s="2"/>
      <c r="K5024" s="2"/>
      <c r="L5024" s="2"/>
    </row>
    <row r="5025" spans="1:12" s="17" customFormat="1" ht="27" customHeight="1" x14ac:dyDescent="0.15">
      <c r="A5025" s="13"/>
      <c r="B5025" s="14"/>
      <c r="C5025" s="13"/>
      <c r="D5025" s="14"/>
      <c r="E5025" s="14"/>
      <c r="F5025" s="16"/>
      <c r="G5025" s="2"/>
      <c r="H5025" s="2"/>
      <c r="I5025" s="2"/>
      <c r="J5025" s="2"/>
      <c r="K5025" s="2"/>
      <c r="L5025" s="2"/>
    </row>
    <row r="5026" spans="1:12" s="17" customFormat="1" ht="27" customHeight="1" x14ac:dyDescent="0.15">
      <c r="A5026" s="13"/>
      <c r="B5026" s="14"/>
      <c r="C5026" s="13"/>
      <c r="D5026" s="14"/>
      <c r="E5026" s="14"/>
      <c r="F5026" s="16"/>
      <c r="G5026" s="2"/>
      <c r="H5026" s="2"/>
      <c r="I5026" s="2"/>
      <c r="J5026" s="2"/>
      <c r="K5026" s="2"/>
      <c r="L5026" s="2"/>
    </row>
    <row r="5027" spans="1:12" s="17" customFormat="1" ht="27" customHeight="1" x14ac:dyDescent="0.15">
      <c r="A5027" s="13"/>
      <c r="B5027" s="14"/>
      <c r="C5027" s="13"/>
      <c r="D5027" s="14"/>
      <c r="E5027" s="14"/>
      <c r="F5027" s="16"/>
      <c r="G5027" s="2"/>
      <c r="H5027" s="2"/>
      <c r="I5027" s="2"/>
      <c r="J5027" s="2"/>
      <c r="K5027" s="2"/>
      <c r="L5027" s="2"/>
    </row>
    <row r="5028" spans="1:12" s="17" customFormat="1" ht="27" customHeight="1" x14ac:dyDescent="0.15">
      <c r="A5028" s="13"/>
      <c r="B5028" s="14"/>
      <c r="C5028" s="13"/>
      <c r="D5028" s="14"/>
      <c r="E5028" s="14"/>
      <c r="F5028" s="16"/>
      <c r="G5028" s="2"/>
      <c r="H5028" s="2"/>
      <c r="I5028" s="2"/>
      <c r="J5028" s="2"/>
      <c r="K5028" s="2"/>
      <c r="L5028" s="2"/>
    </row>
    <row r="5029" spans="1:12" s="17" customFormat="1" ht="27" customHeight="1" x14ac:dyDescent="0.15">
      <c r="A5029" s="13"/>
      <c r="B5029" s="14"/>
      <c r="C5029" s="13"/>
      <c r="D5029" s="14"/>
      <c r="E5029" s="14"/>
      <c r="F5029" s="16"/>
      <c r="G5029" s="2"/>
      <c r="H5029" s="2"/>
      <c r="I5029" s="2"/>
      <c r="J5029" s="2"/>
      <c r="K5029" s="2"/>
      <c r="L5029" s="2"/>
    </row>
    <row r="5030" spans="1:12" s="17" customFormat="1" ht="27" customHeight="1" x14ac:dyDescent="0.15">
      <c r="A5030" s="13"/>
      <c r="B5030" s="14"/>
      <c r="C5030" s="13"/>
      <c r="D5030" s="14"/>
      <c r="E5030" s="14"/>
      <c r="F5030" s="16"/>
      <c r="G5030" s="2"/>
      <c r="H5030" s="2"/>
      <c r="I5030" s="2"/>
      <c r="J5030" s="2"/>
      <c r="K5030" s="2"/>
      <c r="L5030" s="2"/>
    </row>
    <row r="5031" spans="1:12" s="17" customFormat="1" ht="27" customHeight="1" x14ac:dyDescent="0.15">
      <c r="A5031" s="13"/>
      <c r="B5031" s="14"/>
      <c r="C5031" s="13"/>
      <c r="D5031" s="14"/>
      <c r="E5031" s="14"/>
      <c r="F5031" s="16"/>
      <c r="G5031" s="2"/>
      <c r="H5031" s="2"/>
      <c r="I5031" s="2"/>
      <c r="J5031" s="2"/>
      <c r="K5031" s="2"/>
      <c r="L5031" s="2"/>
    </row>
    <row r="5032" spans="1:12" s="17" customFormat="1" ht="27" customHeight="1" x14ac:dyDescent="0.15">
      <c r="A5032" s="13"/>
      <c r="B5032" s="14"/>
      <c r="C5032" s="13"/>
      <c r="D5032" s="14"/>
      <c r="E5032" s="14"/>
      <c r="F5032" s="16"/>
      <c r="G5032" s="2"/>
      <c r="H5032" s="2"/>
      <c r="I5032" s="2"/>
      <c r="J5032" s="2"/>
      <c r="K5032" s="2"/>
      <c r="L5032" s="2"/>
    </row>
    <row r="5033" spans="1:12" s="17" customFormat="1" ht="27" customHeight="1" x14ac:dyDescent="0.15">
      <c r="A5033" s="13"/>
      <c r="B5033" s="14"/>
      <c r="C5033" s="13"/>
      <c r="D5033" s="14"/>
      <c r="E5033" s="14"/>
      <c r="F5033" s="16"/>
      <c r="G5033" s="2"/>
      <c r="H5033" s="2"/>
      <c r="I5033" s="2"/>
      <c r="J5033" s="2"/>
      <c r="K5033" s="2"/>
      <c r="L5033" s="2"/>
    </row>
    <row r="5034" spans="1:12" s="17" customFormat="1" ht="27" customHeight="1" x14ac:dyDescent="0.15">
      <c r="A5034" s="13"/>
      <c r="B5034" s="14"/>
      <c r="C5034" s="13"/>
      <c r="D5034" s="14"/>
      <c r="E5034" s="14"/>
      <c r="F5034" s="16"/>
      <c r="G5034" s="2"/>
      <c r="H5034" s="2"/>
      <c r="I5034" s="2"/>
      <c r="J5034" s="2"/>
      <c r="K5034" s="2"/>
      <c r="L5034" s="2"/>
    </row>
    <row r="5035" spans="1:12" s="17" customFormat="1" ht="27" customHeight="1" x14ac:dyDescent="0.15">
      <c r="A5035" s="13"/>
      <c r="B5035" s="14"/>
      <c r="C5035" s="13"/>
      <c r="D5035" s="14"/>
      <c r="E5035" s="14"/>
      <c r="F5035" s="16"/>
      <c r="G5035" s="2"/>
      <c r="H5035" s="2"/>
      <c r="I5035" s="2"/>
      <c r="J5035" s="2"/>
      <c r="K5035" s="2"/>
      <c r="L5035" s="2"/>
    </row>
    <row r="5036" spans="1:12" s="17" customFormat="1" ht="27" customHeight="1" x14ac:dyDescent="0.15">
      <c r="A5036" s="13"/>
      <c r="B5036" s="14"/>
      <c r="C5036" s="13"/>
      <c r="D5036" s="14"/>
      <c r="E5036" s="14"/>
      <c r="F5036" s="16"/>
      <c r="G5036" s="2"/>
      <c r="H5036" s="2"/>
      <c r="I5036" s="2"/>
      <c r="J5036" s="2"/>
      <c r="K5036" s="2"/>
      <c r="L5036" s="2"/>
    </row>
    <row r="5037" spans="1:12" s="17" customFormat="1" ht="27" customHeight="1" x14ac:dyDescent="0.15">
      <c r="A5037" s="13"/>
      <c r="B5037" s="14"/>
      <c r="C5037" s="13"/>
      <c r="D5037" s="14"/>
      <c r="E5037" s="14"/>
      <c r="F5037" s="16"/>
      <c r="G5037" s="2"/>
      <c r="H5037" s="2"/>
      <c r="I5037" s="2"/>
      <c r="J5037" s="2"/>
      <c r="K5037" s="2"/>
      <c r="L5037" s="2"/>
    </row>
    <row r="5038" spans="1:12" s="17" customFormat="1" ht="27" customHeight="1" x14ac:dyDescent="0.15">
      <c r="A5038" s="13"/>
      <c r="B5038" s="14"/>
      <c r="C5038" s="13"/>
      <c r="D5038" s="14"/>
      <c r="E5038" s="14"/>
      <c r="F5038" s="16"/>
      <c r="G5038" s="2"/>
      <c r="H5038" s="2"/>
      <c r="I5038" s="2"/>
      <c r="J5038" s="2"/>
      <c r="K5038" s="2"/>
      <c r="L5038" s="2"/>
    </row>
    <row r="5039" spans="1:12" s="17" customFormat="1" ht="27" customHeight="1" x14ac:dyDescent="0.15">
      <c r="A5039" s="13"/>
      <c r="B5039" s="14"/>
      <c r="C5039" s="13"/>
      <c r="D5039" s="14"/>
      <c r="E5039" s="14"/>
      <c r="F5039" s="16"/>
      <c r="G5039" s="2"/>
      <c r="H5039" s="2"/>
      <c r="I5039" s="2"/>
      <c r="J5039" s="2"/>
      <c r="K5039" s="2"/>
      <c r="L5039" s="2"/>
    </row>
    <row r="5040" spans="1:12" s="17" customFormat="1" ht="27" customHeight="1" x14ac:dyDescent="0.15">
      <c r="A5040" s="13"/>
      <c r="B5040" s="14"/>
      <c r="C5040" s="13"/>
      <c r="D5040" s="14"/>
      <c r="E5040" s="14"/>
      <c r="F5040" s="16"/>
      <c r="G5040" s="2"/>
      <c r="H5040" s="2"/>
      <c r="I5040" s="2"/>
      <c r="J5040" s="2"/>
      <c r="K5040" s="2"/>
      <c r="L5040" s="2"/>
    </row>
    <row r="5041" spans="1:12" s="17" customFormat="1" ht="27" customHeight="1" x14ac:dyDescent="0.15">
      <c r="A5041" s="13"/>
      <c r="B5041" s="14"/>
      <c r="C5041" s="13"/>
      <c r="D5041" s="14"/>
      <c r="E5041" s="14"/>
      <c r="F5041" s="16"/>
      <c r="G5041" s="2"/>
      <c r="H5041" s="2"/>
      <c r="I5041" s="2"/>
      <c r="J5041" s="2"/>
      <c r="K5041" s="2"/>
      <c r="L5041" s="2"/>
    </row>
    <row r="5042" spans="1:12" s="17" customFormat="1" ht="27" customHeight="1" x14ac:dyDescent="0.15">
      <c r="A5042" s="13"/>
      <c r="B5042" s="14"/>
      <c r="C5042" s="13"/>
      <c r="D5042" s="14"/>
      <c r="E5042" s="14"/>
      <c r="F5042" s="16"/>
      <c r="G5042" s="2"/>
      <c r="H5042" s="2"/>
      <c r="I5042" s="2"/>
      <c r="J5042" s="2"/>
      <c r="K5042" s="2"/>
      <c r="L5042" s="2"/>
    </row>
    <row r="5043" spans="1:12" s="17" customFormat="1" ht="27" customHeight="1" x14ac:dyDescent="0.15">
      <c r="A5043" s="13"/>
      <c r="B5043" s="14"/>
      <c r="C5043" s="13"/>
      <c r="D5043" s="14"/>
      <c r="E5043" s="14"/>
      <c r="F5043" s="16"/>
      <c r="G5043" s="2"/>
      <c r="H5043" s="2"/>
      <c r="I5043" s="2"/>
      <c r="J5043" s="2"/>
      <c r="K5043" s="2"/>
      <c r="L5043" s="2"/>
    </row>
    <row r="5044" spans="1:12" s="17" customFormat="1" ht="27" customHeight="1" x14ac:dyDescent="0.15">
      <c r="A5044" s="13"/>
      <c r="B5044" s="14"/>
      <c r="C5044" s="13"/>
      <c r="D5044" s="14"/>
      <c r="E5044" s="14"/>
      <c r="F5044" s="16"/>
      <c r="G5044" s="2"/>
      <c r="H5044" s="2"/>
      <c r="I5044" s="2"/>
      <c r="J5044" s="2"/>
      <c r="K5044" s="2"/>
      <c r="L5044" s="2"/>
    </row>
    <row r="5045" spans="1:12" s="17" customFormat="1" ht="27" customHeight="1" x14ac:dyDescent="0.15">
      <c r="A5045" s="13"/>
      <c r="B5045" s="14"/>
      <c r="C5045" s="13"/>
      <c r="D5045" s="14"/>
      <c r="E5045" s="14"/>
      <c r="F5045" s="16"/>
      <c r="G5045" s="2"/>
      <c r="H5045" s="2"/>
      <c r="I5045" s="2"/>
      <c r="J5045" s="2"/>
      <c r="K5045" s="2"/>
      <c r="L5045" s="2"/>
    </row>
    <row r="5046" spans="1:12" s="17" customFormat="1" ht="27" customHeight="1" x14ac:dyDescent="0.15">
      <c r="A5046" s="13"/>
      <c r="B5046" s="14"/>
      <c r="C5046" s="13"/>
      <c r="D5046" s="14"/>
      <c r="E5046" s="14"/>
      <c r="F5046" s="16"/>
      <c r="G5046" s="2"/>
      <c r="H5046" s="2"/>
      <c r="I5046" s="2"/>
      <c r="J5046" s="2"/>
      <c r="K5046" s="2"/>
      <c r="L5046" s="2"/>
    </row>
    <row r="5047" spans="1:12" s="17" customFormat="1" ht="27" customHeight="1" x14ac:dyDescent="0.15">
      <c r="A5047" s="13"/>
      <c r="B5047" s="14"/>
      <c r="C5047" s="13"/>
      <c r="D5047" s="14"/>
      <c r="E5047" s="14"/>
      <c r="F5047" s="16"/>
      <c r="G5047" s="2"/>
      <c r="H5047" s="2"/>
      <c r="I5047" s="2"/>
      <c r="J5047" s="2"/>
      <c r="K5047" s="2"/>
      <c r="L5047" s="2"/>
    </row>
    <row r="5048" spans="1:12" s="17" customFormat="1" ht="27" customHeight="1" x14ac:dyDescent="0.15">
      <c r="A5048" s="13"/>
      <c r="B5048" s="14"/>
      <c r="C5048" s="13"/>
      <c r="D5048" s="14"/>
      <c r="E5048" s="14"/>
      <c r="F5048" s="16"/>
      <c r="G5048" s="2"/>
      <c r="H5048" s="2"/>
      <c r="I5048" s="2"/>
      <c r="J5048" s="2"/>
      <c r="K5048" s="2"/>
      <c r="L5048" s="2"/>
    </row>
    <row r="5049" spans="1:12" s="17" customFormat="1" ht="27" customHeight="1" x14ac:dyDescent="0.15">
      <c r="A5049" s="13"/>
      <c r="B5049" s="14"/>
      <c r="C5049" s="13"/>
      <c r="D5049" s="14"/>
      <c r="E5049" s="14"/>
      <c r="F5049" s="16"/>
      <c r="G5049" s="2"/>
      <c r="H5049" s="2"/>
      <c r="I5049" s="2"/>
      <c r="J5049" s="2"/>
      <c r="K5049" s="2"/>
      <c r="L5049" s="2"/>
    </row>
    <row r="5050" spans="1:12" s="17" customFormat="1" ht="27" customHeight="1" x14ac:dyDescent="0.15">
      <c r="A5050" s="13"/>
      <c r="B5050" s="14"/>
      <c r="C5050" s="13"/>
      <c r="D5050" s="14"/>
      <c r="E5050" s="14"/>
      <c r="F5050" s="16"/>
      <c r="G5050" s="2"/>
      <c r="H5050" s="2"/>
      <c r="I5050" s="2"/>
      <c r="J5050" s="2"/>
      <c r="K5050" s="2"/>
      <c r="L5050" s="2"/>
    </row>
    <row r="5051" spans="1:12" s="17" customFormat="1" ht="27" customHeight="1" x14ac:dyDescent="0.15">
      <c r="A5051" s="13"/>
      <c r="B5051" s="14"/>
      <c r="C5051" s="13"/>
      <c r="D5051" s="14"/>
      <c r="E5051" s="14"/>
      <c r="F5051" s="16"/>
      <c r="G5051" s="2"/>
      <c r="H5051" s="2"/>
      <c r="I5051" s="2"/>
      <c r="J5051" s="2"/>
      <c r="K5051" s="2"/>
      <c r="L5051" s="2"/>
    </row>
    <row r="5052" spans="1:12" s="17" customFormat="1" ht="27" customHeight="1" x14ac:dyDescent="0.15">
      <c r="A5052" s="13"/>
      <c r="B5052" s="14"/>
      <c r="C5052" s="13"/>
      <c r="D5052" s="14"/>
      <c r="E5052" s="14"/>
      <c r="F5052" s="16"/>
      <c r="G5052" s="2"/>
      <c r="H5052" s="2"/>
      <c r="I5052" s="2"/>
      <c r="J5052" s="2"/>
      <c r="K5052" s="2"/>
      <c r="L5052" s="2"/>
    </row>
    <row r="5053" spans="1:12" s="17" customFormat="1" ht="27" customHeight="1" x14ac:dyDescent="0.15">
      <c r="A5053" s="13"/>
      <c r="B5053" s="14"/>
      <c r="C5053" s="13"/>
      <c r="D5053" s="14"/>
      <c r="E5053" s="14"/>
      <c r="F5053" s="16"/>
      <c r="G5053" s="2"/>
      <c r="H5053" s="2"/>
      <c r="I5053" s="2"/>
      <c r="J5053" s="2"/>
      <c r="K5053" s="2"/>
      <c r="L5053" s="2"/>
    </row>
    <row r="5054" spans="1:12" s="17" customFormat="1" ht="27" customHeight="1" x14ac:dyDescent="0.15">
      <c r="A5054" s="13"/>
      <c r="B5054" s="14"/>
      <c r="C5054" s="13"/>
      <c r="D5054" s="14"/>
      <c r="E5054" s="14"/>
      <c r="F5054" s="16"/>
      <c r="G5054" s="2"/>
      <c r="H5054" s="2"/>
      <c r="I5054" s="2"/>
      <c r="J5054" s="2"/>
      <c r="K5054" s="2"/>
      <c r="L5054" s="2"/>
    </row>
    <row r="5055" spans="1:12" s="17" customFormat="1" ht="27" customHeight="1" x14ac:dyDescent="0.15">
      <c r="A5055" s="13"/>
      <c r="B5055" s="14"/>
      <c r="C5055" s="13"/>
      <c r="D5055" s="14"/>
      <c r="E5055" s="14"/>
      <c r="F5055" s="16"/>
      <c r="G5055" s="2"/>
      <c r="H5055" s="2"/>
      <c r="I5055" s="2"/>
      <c r="J5055" s="2"/>
      <c r="K5055" s="2"/>
      <c r="L5055" s="2"/>
    </row>
    <row r="5056" spans="1:12" s="17" customFormat="1" ht="27" customHeight="1" x14ac:dyDescent="0.15">
      <c r="A5056" s="13"/>
      <c r="B5056" s="14"/>
      <c r="C5056" s="13"/>
      <c r="D5056" s="14"/>
      <c r="E5056" s="14"/>
      <c r="F5056" s="16"/>
      <c r="G5056" s="2"/>
      <c r="H5056" s="2"/>
      <c r="I5056" s="2"/>
      <c r="J5056" s="2"/>
      <c r="K5056" s="2"/>
      <c r="L5056" s="2"/>
    </row>
    <row r="5057" spans="1:12" s="17" customFormat="1" ht="27" customHeight="1" x14ac:dyDescent="0.15">
      <c r="A5057" s="13"/>
      <c r="B5057" s="14"/>
      <c r="C5057" s="13"/>
      <c r="D5057" s="14"/>
      <c r="E5057" s="14"/>
      <c r="F5057" s="16"/>
      <c r="G5057" s="2"/>
      <c r="H5057" s="2"/>
      <c r="I5057" s="2"/>
      <c r="J5057" s="2"/>
      <c r="K5057" s="2"/>
      <c r="L5057" s="2"/>
    </row>
    <row r="5058" spans="1:12" s="17" customFormat="1" ht="27" customHeight="1" x14ac:dyDescent="0.15">
      <c r="A5058" s="13"/>
      <c r="B5058" s="14"/>
      <c r="C5058" s="13"/>
      <c r="D5058" s="14"/>
      <c r="E5058" s="14"/>
      <c r="F5058" s="16"/>
      <c r="G5058" s="2"/>
      <c r="H5058" s="2"/>
      <c r="I5058" s="2"/>
      <c r="J5058" s="2"/>
      <c r="K5058" s="2"/>
      <c r="L5058" s="2"/>
    </row>
    <row r="5059" spans="1:12" s="17" customFormat="1" ht="27" customHeight="1" x14ac:dyDescent="0.15">
      <c r="A5059" s="13"/>
      <c r="B5059" s="14"/>
      <c r="C5059" s="13"/>
      <c r="D5059" s="14"/>
      <c r="E5059" s="14"/>
      <c r="F5059" s="16"/>
      <c r="G5059" s="2"/>
      <c r="H5059" s="2"/>
      <c r="I5059" s="2"/>
      <c r="J5059" s="2"/>
      <c r="K5059" s="2"/>
      <c r="L5059" s="2"/>
    </row>
    <row r="5060" spans="1:12" s="17" customFormat="1" ht="27" customHeight="1" x14ac:dyDescent="0.15">
      <c r="A5060" s="13"/>
      <c r="B5060" s="14"/>
      <c r="C5060" s="13"/>
      <c r="D5060" s="14"/>
      <c r="E5060" s="14"/>
      <c r="F5060" s="16"/>
      <c r="G5060" s="2"/>
      <c r="H5060" s="2"/>
      <c r="I5060" s="2"/>
      <c r="J5060" s="2"/>
      <c r="K5060" s="2"/>
      <c r="L5060" s="2"/>
    </row>
    <row r="5061" spans="1:12" s="17" customFormat="1" ht="27" customHeight="1" x14ac:dyDescent="0.15">
      <c r="A5061" s="13"/>
      <c r="B5061" s="14"/>
      <c r="C5061" s="13"/>
      <c r="D5061" s="14"/>
      <c r="E5061" s="14"/>
      <c r="F5061" s="16"/>
      <c r="G5061" s="2"/>
      <c r="H5061" s="2"/>
      <c r="I5061" s="2"/>
      <c r="J5061" s="2"/>
      <c r="K5061" s="2"/>
      <c r="L5061" s="2"/>
    </row>
    <row r="5062" spans="1:12" s="17" customFormat="1" ht="27" customHeight="1" x14ac:dyDescent="0.15">
      <c r="A5062" s="13"/>
      <c r="B5062" s="14"/>
      <c r="C5062" s="13"/>
      <c r="D5062" s="14"/>
      <c r="E5062" s="14"/>
      <c r="F5062" s="16"/>
      <c r="G5062" s="2"/>
      <c r="H5062" s="2"/>
      <c r="I5062" s="2"/>
      <c r="J5062" s="2"/>
      <c r="K5062" s="2"/>
      <c r="L5062" s="2"/>
    </row>
    <row r="5063" spans="1:12" s="17" customFormat="1" ht="27" customHeight="1" x14ac:dyDescent="0.15">
      <c r="A5063" s="13"/>
      <c r="B5063" s="14"/>
      <c r="C5063" s="13"/>
      <c r="D5063" s="14"/>
      <c r="E5063" s="14"/>
      <c r="F5063" s="16"/>
      <c r="G5063" s="2"/>
      <c r="H5063" s="2"/>
      <c r="I5063" s="2"/>
      <c r="J5063" s="2"/>
      <c r="K5063" s="2"/>
      <c r="L5063" s="2"/>
    </row>
    <row r="5064" spans="1:12" s="17" customFormat="1" ht="27" customHeight="1" x14ac:dyDescent="0.15">
      <c r="A5064" s="13"/>
      <c r="B5064" s="14"/>
      <c r="C5064" s="13"/>
      <c r="D5064" s="14"/>
      <c r="E5064" s="14"/>
      <c r="F5064" s="16"/>
      <c r="G5064" s="2"/>
      <c r="H5064" s="2"/>
      <c r="I5064" s="2"/>
      <c r="J5064" s="2"/>
      <c r="K5064" s="2"/>
      <c r="L5064" s="2"/>
    </row>
    <row r="5065" spans="1:12" s="17" customFormat="1" ht="27" customHeight="1" x14ac:dyDescent="0.15">
      <c r="A5065" s="13"/>
      <c r="B5065" s="14"/>
      <c r="C5065" s="13"/>
      <c r="D5065" s="14"/>
      <c r="E5065" s="14"/>
      <c r="F5065" s="16"/>
      <c r="G5065" s="2"/>
      <c r="H5065" s="2"/>
      <c r="I5065" s="2"/>
      <c r="J5065" s="2"/>
      <c r="K5065" s="2"/>
      <c r="L5065" s="2"/>
    </row>
    <row r="5066" spans="1:12" s="17" customFormat="1" ht="27" customHeight="1" x14ac:dyDescent="0.15">
      <c r="A5066" s="13"/>
      <c r="B5066" s="14"/>
      <c r="C5066" s="13"/>
      <c r="D5066" s="14"/>
      <c r="E5066" s="14"/>
      <c r="F5066" s="16"/>
      <c r="G5066" s="2"/>
      <c r="H5066" s="2"/>
      <c r="I5066" s="2"/>
      <c r="J5066" s="2"/>
      <c r="K5066" s="2"/>
      <c r="L5066" s="2"/>
    </row>
    <row r="5067" spans="1:12" s="17" customFormat="1" ht="27" customHeight="1" x14ac:dyDescent="0.15">
      <c r="A5067" s="13"/>
      <c r="B5067" s="14"/>
      <c r="C5067" s="13"/>
      <c r="D5067" s="14"/>
      <c r="E5067" s="14"/>
      <c r="F5067" s="16"/>
      <c r="G5067" s="2"/>
      <c r="H5067" s="2"/>
      <c r="I5067" s="2"/>
      <c r="J5067" s="2"/>
      <c r="K5067" s="2"/>
      <c r="L5067" s="2"/>
    </row>
    <row r="5068" spans="1:12" s="17" customFormat="1" ht="27" customHeight="1" x14ac:dyDescent="0.15">
      <c r="A5068" s="13"/>
      <c r="B5068" s="14"/>
      <c r="C5068" s="13"/>
      <c r="D5068" s="14"/>
      <c r="E5068" s="14"/>
      <c r="F5068" s="16"/>
      <c r="G5068" s="2"/>
      <c r="H5068" s="2"/>
      <c r="I5068" s="2"/>
      <c r="J5068" s="2"/>
      <c r="K5068" s="2"/>
      <c r="L5068" s="2"/>
    </row>
    <row r="5069" spans="1:12" s="17" customFormat="1" ht="27" customHeight="1" x14ac:dyDescent="0.15">
      <c r="A5069" s="13"/>
      <c r="B5069" s="14"/>
      <c r="C5069" s="13"/>
      <c r="D5069" s="14"/>
      <c r="E5069" s="14"/>
      <c r="F5069" s="16"/>
      <c r="G5069" s="2"/>
      <c r="H5069" s="2"/>
      <c r="I5069" s="2"/>
      <c r="J5069" s="2"/>
      <c r="K5069" s="2"/>
      <c r="L5069" s="2"/>
    </row>
    <row r="5070" spans="1:12" s="17" customFormat="1" ht="27" customHeight="1" x14ac:dyDescent="0.15">
      <c r="A5070" s="13"/>
      <c r="B5070" s="14"/>
      <c r="C5070" s="13"/>
      <c r="D5070" s="14"/>
      <c r="E5070" s="14"/>
      <c r="F5070" s="16"/>
      <c r="G5070" s="2"/>
      <c r="H5070" s="2"/>
      <c r="I5070" s="2"/>
      <c r="J5070" s="2"/>
      <c r="K5070" s="2"/>
      <c r="L5070" s="2"/>
    </row>
    <row r="5071" spans="1:12" s="17" customFormat="1" ht="27" customHeight="1" x14ac:dyDescent="0.15">
      <c r="A5071" s="13"/>
      <c r="B5071" s="14"/>
      <c r="C5071" s="13"/>
      <c r="D5071" s="14"/>
      <c r="E5071" s="14"/>
      <c r="F5071" s="16"/>
      <c r="G5071" s="2"/>
      <c r="H5071" s="2"/>
      <c r="I5071" s="2"/>
      <c r="J5071" s="2"/>
      <c r="K5071" s="2"/>
      <c r="L5071" s="2"/>
    </row>
    <row r="5072" spans="1:12" s="17" customFormat="1" ht="27" customHeight="1" x14ac:dyDescent="0.15">
      <c r="A5072" s="13"/>
      <c r="B5072" s="14"/>
      <c r="C5072" s="13"/>
      <c r="D5072" s="14"/>
      <c r="E5072" s="14"/>
      <c r="F5072" s="16"/>
      <c r="G5072" s="2"/>
      <c r="H5072" s="2"/>
      <c r="I5072" s="2"/>
      <c r="J5072" s="2"/>
      <c r="K5072" s="2"/>
      <c r="L5072" s="2"/>
    </row>
    <row r="5073" spans="1:12" s="17" customFormat="1" ht="27" customHeight="1" x14ac:dyDescent="0.15">
      <c r="A5073" s="13"/>
      <c r="B5073" s="14"/>
      <c r="C5073" s="13"/>
      <c r="D5073" s="14"/>
      <c r="E5073" s="14"/>
      <c r="F5073" s="16"/>
      <c r="G5073" s="2"/>
      <c r="H5073" s="2"/>
      <c r="I5073" s="2"/>
      <c r="J5073" s="2"/>
      <c r="K5073" s="2"/>
      <c r="L5073" s="2"/>
    </row>
    <row r="5074" spans="1:12" s="17" customFormat="1" ht="27" customHeight="1" x14ac:dyDescent="0.15">
      <c r="A5074" s="13"/>
      <c r="B5074" s="14"/>
      <c r="C5074" s="13"/>
      <c r="D5074" s="14"/>
      <c r="E5074" s="14"/>
      <c r="F5074" s="16"/>
      <c r="G5074" s="2"/>
      <c r="H5074" s="2"/>
      <c r="I5074" s="2"/>
      <c r="J5074" s="2"/>
      <c r="K5074" s="2"/>
      <c r="L5074" s="2"/>
    </row>
    <row r="5075" spans="1:12" s="17" customFormat="1" ht="27" customHeight="1" x14ac:dyDescent="0.15">
      <c r="A5075" s="13"/>
      <c r="B5075" s="14"/>
      <c r="C5075" s="13"/>
      <c r="D5075" s="14"/>
      <c r="E5075" s="14"/>
      <c r="F5075" s="16"/>
      <c r="G5075" s="2"/>
      <c r="H5075" s="2"/>
      <c r="I5075" s="2"/>
      <c r="J5075" s="2"/>
      <c r="K5075" s="2"/>
      <c r="L5075" s="2"/>
    </row>
    <row r="5076" spans="1:12" s="17" customFormat="1" ht="27" customHeight="1" x14ac:dyDescent="0.15">
      <c r="A5076" s="13"/>
      <c r="B5076" s="14"/>
      <c r="C5076" s="13"/>
      <c r="D5076" s="14"/>
      <c r="E5076" s="14"/>
      <c r="F5076" s="16"/>
      <c r="G5076" s="2"/>
      <c r="H5076" s="2"/>
      <c r="I5076" s="2"/>
      <c r="J5076" s="2"/>
      <c r="K5076" s="2"/>
      <c r="L5076" s="2"/>
    </row>
    <row r="5077" spans="1:12" s="17" customFormat="1" ht="27" customHeight="1" x14ac:dyDescent="0.15">
      <c r="A5077" s="13"/>
      <c r="B5077" s="14"/>
      <c r="C5077" s="13"/>
      <c r="D5077" s="14"/>
      <c r="E5077" s="14"/>
      <c r="F5077" s="16"/>
      <c r="G5077" s="2"/>
      <c r="H5077" s="2"/>
      <c r="I5077" s="2"/>
      <c r="J5077" s="2"/>
      <c r="K5077" s="2"/>
      <c r="L5077" s="2"/>
    </row>
    <row r="5078" spans="1:12" s="17" customFormat="1" ht="27" customHeight="1" x14ac:dyDescent="0.15">
      <c r="A5078" s="13"/>
      <c r="B5078" s="14"/>
      <c r="C5078" s="13"/>
      <c r="D5078" s="14"/>
      <c r="E5078" s="14"/>
      <c r="F5078" s="16"/>
      <c r="G5078" s="2"/>
      <c r="H5078" s="2"/>
      <c r="I5078" s="2"/>
      <c r="J5078" s="2"/>
      <c r="K5078" s="2"/>
      <c r="L5078" s="2"/>
    </row>
    <row r="5079" spans="1:12" s="17" customFormat="1" ht="27" customHeight="1" x14ac:dyDescent="0.15">
      <c r="A5079" s="13"/>
      <c r="B5079" s="14"/>
      <c r="C5079" s="13"/>
      <c r="D5079" s="14"/>
      <c r="E5079" s="14"/>
      <c r="F5079" s="16"/>
      <c r="G5079" s="2"/>
      <c r="H5079" s="2"/>
      <c r="I5079" s="2"/>
      <c r="J5079" s="2"/>
      <c r="K5079" s="2"/>
      <c r="L5079" s="2"/>
    </row>
    <row r="5080" spans="1:12" s="17" customFormat="1" ht="27" customHeight="1" x14ac:dyDescent="0.15">
      <c r="A5080" s="13"/>
      <c r="B5080" s="14"/>
      <c r="C5080" s="13"/>
      <c r="D5080" s="14"/>
      <c r="E5080" s="14"/>
      <c r="F5080" s="16"/>
      <c r="G5080" s="2"/>
      <c r="H5080" s="2"/>
      <c r="I5080" s="2"/>
      <c r="J5080" s="2"/>
      <c r="K5080" s="2"/>
      <c r="L5080" s="2"/>
    </row>
    <row r="5081" spans="1:12" s="17" customFormat="1" ht="27" customHeight="1" x14ac:dyDescent="0.15">
      <c r="A5081" s="13"/>
      <c r="B5081" s="14"/>
      <c r="C5081" s="13"/>
      <c r="D5081" s="14"/>
      <c r="E5081" s="14"/>
      <c r="F5081" s="16"/>
      <c r="G5081" s="2"/>
      <c r="H5081" s="2"/>
      <c r="I5081" s="2"/>
      <c r="J5081" s="2"/>
      <c r="K5081" s="2"/>
      <c r="L5081" s="2"/>
    </row>
    <row r="5082" spans="1:12" s="17" customFormat="1" ht="27" customHeight="1" x14ac:dyDescent="0.15">
      <c r="A5082" s="13"/>
      <c r="B5082" s="14"/>
      <c r="C5082" s="13"/>
      <c r="D5082" s="14"/>
      <c r="E5082" s="14"/>
      <c r="F5082" s="16"/>
      <c r="G5082" s="2"/>
      <c r="H5082" s="2"/>
      <c r="I5082" s="2"/>
      <c r="J5082" s="2"/>
      <c r="K5082" s="2"/>
      <c r="L5082" s="2"/>
    </row>
    <row r="5083" spans="1:12" s="17" customFormat="1" ht="27" customHeight="1" x14ac:dyDescent="0.15">
      <c r="A5083" s="13"/>
      <c r="B5083" s="14"/>
      <c r="C5083" s="13"/>
      <c r="D5083" s="14"/>
      <c r="E5083" s="14"/>
      <c r="F5083" s="16"/>
      <c r="G5083" s="2"/>
      <c r="H5083" s="2"/>
      <c r="I5083" s="2"/>
      <c r="J5083" s="2"/>
      <c r="K5083" s="2"/>
      <c r="L5083" s="2"/>
    </row>
    <row r="5084" spans="1:12" s="17" customFormat="1" ht="27" customHeight="1" x14ac:dyDescent="0.15">
      <c r="A5084" s="13"/>
      <c r="B5084" s="14"/>
      <c r="C5084" s="13"/>
      <c r="D5084" s="14"/>
      <c r="E5084" s="14"/>
      <c r="F5084" s="16"/>
      <c r="G5084" s="2"/>
      <c r="H5084" s="2"/>
      <c r="I5084" s="2"/>
      <c r="J5084" s="2"/>
      <c r="K5084" s="2"/>
      <c r="L5084" s="2"/>
    </row>
    <row r="5085" spans="1:12" s="17" customFormat="1" ht="27" customHeight="1" x14ac:dyDescent="0.15">
      <c r="A5085" s="13"/>
      <c r="B5085" s="14"/>
      <c r="C5085" s="13"/>
      <c r="D5085" s="14"/>
      <c r="E5085" s="14"/>
      <c r="F5085" s="16"/>
      <c r="G5085" s="2"/>
      <c r="H5085" s="2"/>
      <c r="I5085" s="2"/>
      <c r="J5085" s="2"/>
      <c r="K5085" s="2"/>
      <c r="L5085" s="2"/>
    </row>
    <row r="5086" spans="1:12" s="17" customFormat="1" ht="27" customHeight="1" x14ac:dyDescent="0.15">
      <c r="A5086" s="13"/>
      <c r="B5086" s="14"/>
      <c r="C5086" s="13"/>
      <c r="D5086" s="14"/>
      <c r="E5086" s="14"/>
      <c r="F5086" s="16"/>
      <c r="G5086" s="2"/>
      <c r="H5086" s="2"/>
      <c r="I5086" s="2"/>
      <c r="J5086" s="2"/>
      <c r="K5086" s="2"/>
      <c r="L5086" s="2"/>
    </row>
    <row r="5087" spans="1:12" s="17" customFormat="1" ht="27" customHeight="1" x14ac:dyDescent="0.15">
      <c r="A5087" s="13"/>
      <c r="B5087" s="14"/>
      <c r="C5087" s="13"/>
      <c r="D5087" s="14"/>
      <c r="E5087" s="14"/>
      <c r="F5087" s="16"/>
      <c r="G5087" s="2"/>
      <c r="H5087" s="2"/>
      <c r="I5087" s="2"/>
      <c r="J5087" s="2"/>
      <c r="K5087" s="2"/>
      <c r="L5087" s="2"/>
    </row>
    <row r="5088" spans="1:12" s="17" customFormat="1" ht="27" customHeight="1" x14ac:dyDescent="0.15">
      <c r="A5088" s="13"/>
      <c r="B5088" s="14"/>
      <c r="C5088" s="13"/>
      <c r="D5088" s="14"/>
      <c r="E5088" s="14"/>
      <c r="F5088" s="16"/>
      <c r="G5088" s="2"/>
      <c r="H5088" s="2"/>
      <c r="I5088" s="2"/>
      <c r="J5088" s="2"/>
      <c r="K5088" s="2"/>
      <c r="L5088" s="2"/>
    </row>
    <row r="5089" spans="1:12" s="17" customFormat="1" ht="27" customHeight="1" x14ac:dyDescent="0.15">
      <c r="A5089" s="13"/>
      <c r="B5089" s="14"/>
      <c r="C5089" s="13"/>
      <c r="D5089" s="14"/>
      <c r="E5089" s="14"/>
      <c r="F5089" s="16"/>
      <c r="G5089" s="2"/>
      <c r="H5089" s="2"/>
      <c r="I5089" s="2"/>
      <c r="J5089" s="2"/>
      <c r="K5089" s="2"/>
      <c r="L5089" s="2"/>
    </row>
    <row r="5090" spans="1:12" s="17" customFormat="1" ht="27" customHeight="1" x14ac:dyDescent="0.15">
      <c r="A5090" s="13"/>
      <c r="B5090" s="14"/>
      <c r="C5090" s="13"/>
      <c r="D5090" s="14"/>
      <c r="E5090" s="14"/>
      <c r="F5090" s="16"/>
      <c r="G5090" s="2"/>
      <c r="H5090" s="2"/>
      <c r="I5090" s="2"/>
      <c r="J5090" s="2"/>
      <c r="K5090" s="2"/>
      <c r="L5090" s="2"/>
    </row>
    <row r="5091" spans="1:12" s="17" customFormat="1" ht="27" customHeight="1" x14ac:dyDescent="0.15">
      <c r="A5091" s="13"/>
      <c r="B5091" s="14"/>
      <c r="C5091" s="13"/>
      <c r="D5091" s="14"/>
      <c r="E5091" s="14"/>
      <c r="F5091" s="16"/>
      <c r="G5091" s="2"/>
      <c r="H5091" s="2"/>
      <c r="I5091" s="2"/>
      <c r="J5091" s="2"/>
      <c r="K5091" s="2"/>
      <c r="L5091" s="2"/>
    </row>
    <row r="5092" spans="1:12" s="17" customFormat="1" ht="27" customHeight="1" x14ac:dyDescent="0.15">
      <c r="A5092" s="13"/>
      <c r="B5092" s="14"/>
      <c r="C5092" s="13"/>
      <c r="D5092" s="14"/>
      <c r="E5092" s="14"/>
      <c r="F5092" s="16"/>
      <c r="G5092" s="2"/>
      <c r="H5092" s="2"/>
      <c r="I5092" s="2"/>
      <c r="J5092" s="2"/>
      <c r="K5092" s="2"/>
      <c r="L5092" s="2"/>
    </row>
    <row r="5093" spans="1:12" s="17" customFormat="1" ht="27" customHeight="1" x14ac:dyDescent="0.15">
      <c r="A5093" s="13"/>
      <c r="B5093" s="14"/>
      <c r="C5093" s="13"/>
      <c r="D5093" s="14"/>
      <c r="E5093" s="14"/>
      <c r="F5093" s="16"/>
      <c r="G5093" s="2"/>
      <c r="H5093" s="2"/>
      <c r="I5093" s="2"/>
      <c r="J5093" s="2"/>
      <c r="K5093" s="2"/>
      <c r="L5093" s="2"/>
    </row>
    <row r="5094" spans="1:12" s="17" customFormat="1" ht="27" customHeight="1" x14ac:dyDescent="0.15">
      <c r="A5094" s="13"/>
      <c r="B5094" s="14"/>
      <c r="C5094" s="13"/>
      <c r="D5094" s="14"/>
      <c r="E5094" s="14"/>
      <c r="F5094" s="16"/>
      <c r="G5094" s="2"/>
      <c r="H5094" s="2"/>
      <c r="I5094" s="2"/>
      <c r="J5094" s="2"/>
      <c r="K5094" s="2"/>
      <c r="L5094" s="2"/>
    </row>
    <row r="5095" spans="1:12" s="17" customFormat="1" ht="27" customHeight="1" x14ac:dyDescent="0.15">
      <c r="A5095" s="13"/>
      <c r="B5095" s="14"/>
      <c r="C5095" s="13"/>
      <c r="D5095" s="14"/>
      <c r="E5095" s="14"/>
      <c r="F5095" s="16"/>
      <c r="G5095" s="2"/>
      <c r="H5095" s="2"/>
      <c r="I5095" s="2"/>
      <c r="J5095" s="2"/>
      <c r="K5095" s="2"/>
      <c r="L5095" s="2"/>
    </row>
    <row r="5096" spans="1:12" s="17" customFormat="1" ht="27" customHeight="1" x14ac:dyDescent="0.15">
      <c r="A5096" s="13"/>
      <c r="B5096" s="14"/>
      <c r="C5096" s="13"/>
      <c r="D5096" s="14"/>
      <c r="E5096" s="14"/>
      <c r="F5096" s="16"/>
      <c r="G5096" s="2"/>
      <c r="H5096" s="2"/>
      <c r="I5096" s="2"/>
      <c r="J5096" s="2"/>
      <c r="K5096" s="2"/>
      <c r="L5096" s="2"/>
    </row>
    <row r="5097" spans="1:12" s="17" customFormat="1" ht="27" customHeight="1" x14ac:dyDescent="0.15">
      <c r="A5097" s="13"/>
      <c r="B5097" s="14"/>
      <c r="C5097" s="13"/>
      <c r="D5097" s="14"/>
      <c r="E5097" s="14"/>
      <c r="F5097" s="16"/>
      <c r="G5097" s="2"/>
      <c r="H5097" s="2"/>
      <c r="I5097" s="2"/>
      <c r="J5097" s="2"/>
      <c r="K5097" s="2"/>
      <c r="L5097" s="2"/>
    </row>
    <row r="5098" spans="1:12" s="17" customFormat="1" ht="27" customHeight="1" x14ac:dyDescent="0.15">
      <c r="A5098" s="13"/>
      <c r="B5098" s="14"/>
      <c r="C5098" s="13"/>
      <c r="D5098" s="14"/>
      <c r="E5098" s="14"/>
      <c r="F5098" s="16"/>
      <c r="G5098" s="2"/>
      <c r="H5098" s="2"/>
      <c r="I5098" s="2"/>
      <c r="J5098" s="2"/>
      <c r="K5098" s="2"/>
      <c r="L5098" s="2"/>
    </row>
    <row r="5099" spans="1:12" s="17" customFormat="1" ht="27" customHeight="1" x14ac:dyDescent="0.15">
      <c r="A5099" s="13"/>
      <c r="B5099" s="14"/>
      <c r="C5099" s="13"/>
      <c r="D5099" s="14"/>
      <c r="E5099" s="14"/>
      <c r="F5099" s="16"/>
      <c r="G5099" s="2"/>
      <c r="H5099" s="2"/>
      <c r="I5099" s="2"/>
      <c r="J5099" s="2"/>
      <c r="K5099" s="2"/>
      <c r="L5099" s="2"/>
    </row>
    <row r="5100" spans="1:12" s="17" customFormat="1" ht="27" customHeight="1" x14ac:dyDescent="0.15">
      <c r="A5100" s="13"/>
      <c r="B5100" s="14"/>
      <c r="C5100" s="13"/>
      <c r="D5100" s="14"/>
      <c r="E5100" s="14"/>
      <c r="F5100" s="16"/>
      <c r="G5100" s="2"/>
      <c r="H5100" s="2"/>
      <c r="I5100" s="2"/>
      <c r="J5100" s="2"/>
      <c r="K5100" s="2"/>
      <c r="L5100" s="2"/>
    </row>
    <row r="5101" spans="1:12" s="17" customFormat="1" ht="27" customHeight="1" x14ac:dyDescent="0.15">
      <c r="A5101" s="13"/>
      <c r="B5101" s="14"/>
      <c r="C5101" s="13"/>
      <c r="D5101" s="14"/>
      <c r="E5101" s="14"/>
      <c r="F5101" s="16"/>
      <c r="G5101" s="2"/>
      <c r="H5101" s="2"/>
      <c r="I5101" s="2"/>
      <c r="J5101" s="2"/>
      <c r="K5101" s="2"/>
      <c r="L5101" s="2"/>
    </row>
    <row r="5102" spans="1:12" s="17" customFormat="1" ht="27" customHeight="1" x14ac:dyDescent="0.15">
      <c r="A5102" s="13"/>
      <c r="B5102" s="14"/>
      <c r="C5102" s="13"/>
      <c r="D5102" s="14"/>
      <c r="E5102" s="14"/>
      <c r="F5102" s="16"/>
      <c r="G5102" s="2"/>
      <c r="H5102" s="2"/>
      <c r="I5102" s="2"/>
      <c r="J5102" s="2"/>
      <c r="K5102" s="2"/>
      <c r="L5102" s="2"/>
    </row>
    <row r="5103" spans="1:12" s="17" customFormat="1" ht="27" customHeight="1" x14ac:dyDescent="0.15">
      <c r="A5103" s="13"/>
      <c r="B5103" s="14"/>
      <c r="C5103" s="13"/>
      <c r="D5103" s="14"/>
      <c r="E5103" s="14"/>
      <c r="F5103" s="16"/>
      <c r="G5103" s="2"/>
      <c r="H5103" s="2"/>
      <c r="I5103" s="2"/>
      <c r="J5103" s="2"/>
      <c r="K5103" s="2"/>
      <c r="L5103" s="2"/>
    </row>
    <row r="5104" spans="1:12" s="17" customFormat="1" ht="27" customHeight="1" x14ac:dyDescent="0.15">
      <c r="A5104" s="13"/>
      <c r="B5104" s="14"/>
      <c r="C5104" s="13"/>
      <c r="D5104" s="14"/>
      <c r="E5104" s="14"/>
      <c r="F5104" s="16"/>
      <c r="G5104" s="2"/>
      <c r="H5104" s="2"/>
      <c r="I5104" s="2"/>
      <c r="J5104" s="2"/>
      <c r="K5104" s="2"/>
      <c r="L5104" s="2"/>
    </row>
    <row r="5105" spans="1:12" s="17" customFormat="1" ht="27" customHeight="1" x14ac:dyDescent="0.15">
      <c r="A5105" s="13"/>
      <c r="B5105" s="14"/>
      <c r="C5105" s="13"/>
      <c r="D5105" s="14"/>
      <c r="E5105" s="14"/>
      <c r="F5105" s="16"/>
      <c r="G5105" s="2"/>
      <c r="H5105" s="2"/>
      <c r="I5105" s="2"/>
      <c r="J5105" s="2"/>
      <c r="K5105" s="2"/>
      <c r="L5105" s="2"/>
    </row>
    <row r="5106" spans="1:12" s="17" customFormat="1" ht="27" customHeight="1" x14ac:dyDescent="0.15">
      <c r="A5106" s="13"/>
      <c r="B5106" s="14"/>
      <c r="C5106" s="13"/>
      <c r="D5106" s="14"/>
      <c r="E5106" s="14"/>
      <c r="F5106" s="16"/>
      <c r="G5106" s="2"/>
      <c r="H5106" s="2"/>
      <c r="I5106" s="2"/>
      <c r="J5106" s="2"/>
      <c r="K5106" s="2"/>
      <c r="L5106" s="2"/>
    </row>
    <row r="5107" spans="1:12" s="17" customFormat="1" ht="27" customHeight="1" x14ac:dyDescent="0.15">
      <c r="A5107" s="13"/>
      <c r="B5107" s="14"/>
      <c r="C5107" s="13"/>
      <c r="D5107" s="14"/>
      <c r="E5107" s="14"/>
      <c r="F5107" s="16"/>
      <c r="G5107" s="2"/>
      <c r="H5107" s="2"/>
      <c r="I5107" s="2"/>
      <c r="J5107" s="2"/>
      <c r="K5107" s="2"/>
      <c r="L5107" s="2"/>
    </row>
    <row r="5108" spans="1:12" s="17" customFormat="1" ht="27" customHeight="1" x14ac:dyDescent="0.15">
      <c r="A5108" s="13"/>
      <c r="B5108" s="14"/>
      <c r="C5108" s="13"/>
      <c r="D5108" s="14"/>
      <c r="E5108" s="14"/>
      <c r="F5108" s="16"/>
      <c r="G5108" s="2"/>
      <c r="H5108" s="2"/>
      <c r="I5108" s="2"/>
      <c r="J5108" s="2"/>
      <c r="K5108" s="2"/>
      <c r="L5108" s="2"/>
    </row>
    <row r="5109" spans="1:12" s="17" customFormat="1" ht="27" customHeight="1" x14ac:dyDescent="0.15">
      <c r="A5109" s="13"/>
      <c r="B5109" s="14"/>
      <c r="C5109" s="13"/>
      <c r="D5109" s="14"/>
      <c r="E5109" s="14"/>
      <c r="F5109" s="16"/>
      <c r="G5109" s="2"/>
      <c r="H5109" s="2"/>
      <c r="I5109" s="2"/>
      <c r="J5109" s="2"/>
      <c r="K5109" s="2"/>
      <c r="L5109" s="2"/>
    </row>
    <row r="5110" spans="1:12" s="17" customFormat="1" ht="27" customHeight="1" x14ac:dyDescent="0.15">
      <c r="A5110" s="13"/>
      <c r="B5110" s="14"/>
      <c r="C5110" s="13"/>
      <c r="D5110" s="14"/>
      <c r="E5110" s="14"/>
      <c r="F5110" s="16"/>
      <c r="G5110" s="2"/>
      <c r="H5110" s="2"/>
      <c r="I5110" s="2"/>
      <c r="J5110" s="2"/>
      <c r="K5110" s="2"/>
      <c r="L5110" s="2"/>
    </row>
    <row r="5111" spans="1:12" s="17" customFormat="1" ht="27" customHeight="1" x14ac:dyDescent="0.15">
      <c r="A5111" s="13"/>
      <c r="B5111" s="14"/>
      <c r="C5111" s="13"/>
      <c r="D5111" s="14"/>
      <c r="E5111" s="14"/>
      <c r="F5111" s="16"/>
      <c r="G5111" s="2"/>
      <c r="H5111" s="2"/>
      <c r="I5111" s="2"/>
      <c r="J5111" s="2"/>
      <c r="K5111" s="2"/>
      <c r="L5111" s="2"/>
    </row>
    <row r="5112" spans="1:12" s="17" customFormat="1" ht="27" customHeight="1" x14ac:dyDescent="0.15">
      <c r="A5112" s="13"/>
      <c r="B5112" s="14"/>
      <c r="C5112" s="13"/>
      <c r="D5112" s="14"/>
      <c r="E5112" s="14"/>
      <c r="F5112" s="16"/>
      <c r="G5112" s="2"/>
      <c r="H5112" s="2"/>
      <c r="I5112" s="2"/>
      <c r="J5112" s="2"/>
      <c r="K5112" s="2"/>
      <c r="L5112" s="2"/>
    </row>
    <row r="5113" spans="1:12" s="17" customFormat="1" ht="27" customHeight="1" x14ac:dyDescent="0.15">
      <c r="A5113" s="13"/>
      <c r="B5113" s="14"/>
      <c r="C5113" s="13"/>
      <c r="D5113" s="14"/>
      <c r="E5113" s="14"/>
      <c r="F5113" s="16"/>
      <c r="G5113" s="2"/>
      <c r="H5113" s="2"/>
      <c r="I5113" s="2"/>
      <c r="J5113" s="2"/>
      <c r="K5113" s="2"/>
      <c r="L5113" s="2"/>
    </row>
    <row r="5114" spans="1:12" s="17" customFormat="1" ht="27" customHeight="1" x14ac:dyDescent="0.15">
      <c r="A5114" s="13"/>
      <c r="B5114" s="14"/>
      <c r="C5114" s="13"/>
      <c r="D5114" s="14"/>
      <c r="E5114" s="14"/>
      <c r="F5114" s="16"/>
      <c r="G5114" s="2"/>
      <c r="H5114" s="2"/>
      <c r="I5114" s="2"/>
      <c r="J5114" s="2"/>
      <c r="K5114" s="2"/>
      <c r="L5114" s="2"/>
    </row>
    <row r="5115" spans="1:12" s="17" customFormat="1" ht="27" customHeight="1" x14ac:dyDescent="0.15">
      <c r="A5115" s="13"/>
      <c r="B5115" s="14"/>
      <c r="C5115" s="13"/>
      <c r="D5115" s="14"/>
      <c r="E5115" s="14"/>
      <c r="F5115" s="16"/>
      <c r="G5115" s="2"/>
      <c r="H5115" s="2"/>
      <c r="I5115" s="2"/>
      <c r="J5115" s="2"/>
      <c r="K5115" s="2"/>
      <c r="L5115" s="2"/>
    </row>
    <row r="5116" spans="1:12" s="17" customFormat="1" ht="27" customHeight="1" x14ac:dyDescent="0.15">
      <c r="A5116" s="13"/>
      <c r="B5116" s="14"/>
      <c r="C5116" s="13"/>
      <c r="D5116" s="14"/>
      <c r="E5116" s="14"/>
      <c r="F5116" s="16"/>
      <c r="G5116" s="2"/>
      <c r="H5116" s="2"/>
      <c r="I5116" s="2"/>
      <c r="J5116" s="2"/>
      <c r="K5116" s="2"/>
      <c r="L5116" s="2"/>
    </row>
    <row r="5117" spans="1:12" s="17" customFormat="1" ht="27" customHeight="1" x14ac:dyDescent="0.15">
      <c r="A5117" s="13"/>
      <c r="B5117" s="14"/>
      <c r="C5117" s="13"/>
      <c r="D5117" s="14"/>
      <c r="E5117" s="14"/>
      <c r="F5117" s="16"/>
      <c r="G5117" s="2"/>
      <c r="H5117" s="2"/>
      <c r="I5117" s="2"/>
      <c r="J5117" s="2"/>
      <c r="K5117" s="2"/>
      <c r="L5117" s="2"/>
    </row>
    <row r="5118" spans="1:12" s="17" customFormat="1" ht="27" customHeight="1" x14ac:dyDescent="0.15">
      <c r="A5118" s="13"/>
      <c r="B5118" s="14"/>
      <c r="C5118" s="13"/>
      <c r="D5118" s="14"/>
      <c r="E5118" s="14"/>
      <c r="F5118" s="16"/>
      <c r="G5118" s="2"/>
      <c r="H5118" s="2"/>
      <c r="I5118" s="2"/>
      <c r="J5118" s="2"/>
      <c r="K5118" s="2"/>
      <c r="L5118" s="2"/>
    </row>
    <row r="5119" spans="1:12" s="17" customFormat="1" ht="27" customHeight="1" x14ac:dyDescent="0.15">
      <c r="A5119" s="13"/>
      <c r="B5119" s="14"/>
      <c r="C5119" s="13"/>
      <c r="D5119" s="14"/>
      <c r="E5119" s="14"/>
      <c r="F5119" s="16"/>
      <c r="G5119" s="2"/>
      <c r="H5119" s="2"/>
      <c r="I5119" s="2"/>
      <c r="J5119" s="2"/>
      <c r="K5119" s="2"/>
      <c r="L5119" s="2"/>
    </row>
    <row r="5120" spans="1:12" s="17" customFormat="1" ht="27" customHeight="1" x14ac:dyDescent="0.15">
      <c r="A5120" s="13"/>
      <c r="B5120" s="14"/>
      <c r="C5120" s="13"/>
      <c r="D5120" s="14"/>
      <c r="E5120" s="14"/>
      <c r="F5120" s="16"/>
      <c r="G5120" s="2"/>
      <c r="H5120" s="2"/>
      <c r="I5120" s="2"/>
      <c r="J5120" s="2"/>
      <c r="K5120" s="2"/>
      <c r="L5120" s="2"/>
    </row>
    <row r="5121" spans="1:12" s="17" customFormat="1" ht="27" customHeight="1" x14ac:dyDescent="0.15">
      <c r="A5121" s="13"/>
      <c r="B5121" s="14"/>
      <c r="C5121" s="13"/>
      <c r="D5121" s="14"/>
      <c r="E5121" s="14"/>
      <c r="F5121" s="16"/>
      <c r="G5121" s="2"/>
      <c r="H5121" s="2"/>
      <c r="I5121" s="2"/>
      <c r="J5121" s="2"/>
      <c r="K5121" s="2"/>
      <c r="L5121" s="2"/>
    </row>
    <row r="5122" spans="1:12" s="17" customFormat="1" ht="27" customHeight="1" x14ac:dyDescent="0.15">
      <c r="A5122" s="13"/>
      <c r="B5122" s="14"/>
      <c r="C5122" s="13"/>
      <c r="D5122" s="14"/>
      <c r="E5122" s="14"/>
      <c r="F5122" s="16"/>
      <c r="G5122" s="2"/>
      <c r="H5122" s="2"/>
      <c r="I5122" s="2"/>
      <c r="J5122" s="2"/>
      <c r="K5122" s="2"/>
      <c r="L5122" s="2"/>
    </row>
    <row r="5123" spans="1:12" s="17" customFormat="1" ht="27" customHeight="1" x14ac:dyDescent="0.15">
      <c r="A5123" s="13"/>
      <c r="B5123" s="14"/>
      <c r="C5123" s="13"/>
      <c r="D5123" s="14"/>
      <c r="E5123" s="14"/>
      <c r="F5123" s="16"/>
      <c r="G5123" s="2"/>
      <c r="H5123" s="2"/>
      <c r="I5123" s="2"/>
      <c r="J5123" s="2"/>
      <c r="K5123" s="2"/>
      <c r="L5123" s="2"/>
    </row>
    <row r="5124" spans="1:12" s="17" customFormat="1" ht="27" customHeight="1" x14ac:dyDescent="0.15">
      <c r="A5124" s="13"/>
      <c r="B5124" s="14"/>
      <c r="C5124" s="13"/>
      <c r="D5124" s="14"/>
      <c r="E5124" s="14"/>
      <c r="F5124" s="16"/>
      <c r="G5124" s="2"/>
      <c r="H5124" s="2"/>
      <c r="I5124" s="2"/>
      <c r="J5124" s="2"/>
      <c r="K5124" s="2"/>
      <c r="L5124" s="2"/>
    </row>
    <row r="5125" spans="1:12" s="17" customFormat="1" ht="27" customHeight="1" x14ac:dyDescent="0.15">
      <c r="A5125" s="13"/>
      <c r="B5125" s="14"/>
      <c r="C5125" s="13"/>
      <c r="D5125" s="14"/>
      <c r="E5125" s="14"/>
      <c r="F5125" s="16"/>
      <c r="G5125" s="2"/>
      <c r="H5125" s="2"/>
      <c r="I5125" s="2"/>
      <c r="J5125" s="2"/>
      <c r="K5125" s="2"/>
      <c r="L5125" s="2"/>
    </row>
    <row r="5126" spans="1:12" s="17" customFormat="1" ht="27" customHeight="1" x14ac:dyDescent="0.15">
      <c r="A5126" s="13"/>
      <c r="B5126" s="14"/>
      <c r="C5126" s="13"/>
      <c r="D5126" s="14"/>
      <c r="E5126" s="14"/>
      <c r="F5126" s="16"/>
      <c r="G5126" s="2"/>
      <c r="H5126" s="2"/>
      <c r="I5126" s="2"/>
      <c r="J5126" s="2"/>
      <c r="K5126" s="2"/>
      <c r="L5126" s="2"/>
    </row>
    <row r="5127" spans="1:12" s="17" customFormat="1" ht="27" customHeight="1" x14ac:dyDescent="0.15">
      <c r="A5127" s="13"/>
      <c r="B5127" s="14"/>
      <c r="C5127" s="13"/>
      <c r="D5127" s="14"/>
      <c r="E5127" s="14"/>
      <c r="F5127" s="16"/>
      <c r="G5127" s="2"/>
      <c r="H5127" s="2"/>
      <c r="I5127" s="2"/>
      <c r="J5127" s="2"/>
      <c r="K5127" s="2"/>
      <c r="L5127" s="2"/>
    </row>
    <row r="5128" spans="1:12" s="17" customFormat="1" ht="27" customHeight="1" x14ac:dyDescent="0.15">
      <c r="A5128" s="13"/>
      <c r="B5128" s="14"/>
      <c r="C5128" s="13"/>
      <c r="D5128" s="14"/>
      <c r="E5128" s="14"/>
      <c r="F5128" s="16"/>
      <c r="G5128" s="2"/>
      <c r="H5128" s="2"/>
      <c r="I5128" s="2"/>
      <c r="J5128" s="2"/>
      <c r="K5128" s="2"/>
      <c r="L5128" s="2"/>
    </row>
    <row r="5129" spans="1:12" s="17" customFormat="1" ht="27" customHeight="1" x14ac:dyDescent="0.15">
      <c r="A5129" s="13"/>
      <c r="B5129" s="14"/>
      <c r="C5129" s="13"/>
      <c r="D5129" s="14"/>
      <c r="E5129" s="14"/>
      <c r="F5129" s="16"/>
      <c r="G5129" s="2"/>
      <c r="H5129" s="2"/>
      <c r="I5129" s="2"/>
      <c r="J5129" s="2"/>
      <c r="K5129" s="2"/>
      <c r="L5129" s="2"/>
    </row>
    <row r="5130" spans="1:12" s="17" customFormat="1" ht="27" customHeight="1" x14ac:dyDescent="0.15">
      <c r="A5130" s="13"/>
      <c r="B5130" s="14"/>
      <c r="C5130" s="13"/>
      <c r="D5130" s="14"/>
      <c r="E5130" s="14"/>
      <c r="F5130" s="16"/>
      <c r="G5130" s="2"/>
      <c r="H5130" s="2"/>
      <c r="I5130" s="2"/>
      <c r="J5130" s="2"/>
      <c r="K5130" s="2"/>
      <c r="L5130" s="2"/>
    </row>
    <row r="5131" spans="1:12" s="17" customFormat="1" ht="27" customHeight="1" x14ac:dyDescent="0.15">
      <c r="A5131" s="13"/>
      <c r="B5131" s="14"/>
      <c r="C5131" s="13"/>
      <c r="D5131" s="14"/>
      <c r="E5131" s="14"/>
      <c r="F5131" s="16"/>
      <c r="G5131" s="2"/>
      <c r="H5131" s="2"/>
      <c r="I5131" s="2"/>
      <c r="J5131" s="2"/>
      <c r="K5131" s="2"/>
      <c r="L5131" s="2"/>
    </row>
    <row r="5132" spans="1:12" s="17" customFormat="1" ht="27" customHeight="1" x14ac:dyDescent="0.15">
      <c r="A5132" s="13"/>
      <c r="B5132" s="14"/>
      <c r="C5132" s="13"/>
      <c r="D5132" s="14"/>
      <c r="E5132" s="14"/>
      <c r="F5132" s="16"/>
      <c r="G5132" s="2"/>
      <c r="H5132" s="2"/>
      <c r="I5132" s="2"/>
      <c r="J5132" s="2"/>
      <c r="K5132" s="2"/>
      <c r="L5132" s="2"/>
    </row>
    <row r="5133" spans="1:12" s="17" customFormat="1" ht="27" customHeight="1" x14ac:dyDescent="0.15">
      <c r="A5133" s="13"/>
      <c r="B5133" s="14"/>
      <c r="C5133" s="13"/>
      <c r="D5133" s="14"/>
      <c r="E5133" s="14"/>
      <c r="F5133" s="16"/>
      <c r="G5133" s="2"/>
      <c r="H5133" s="2"/>
      <c r="I5133" s="2"/>
      <c r="J5133" s="2"/>
      <c r="K5133" s="2"/>
      <c r="L5133" s="2"/>
    </row>
    <row r="5134" spans="1:12" s="17" customFormat="1" ht="27" customHeight="1" x14ac:dyDescent="0.15">
      <c r="A5134" s="13"/>
      <c r="B5134" s="14"/>
      <c r="C5134" s="13"/>
      <c r="D5134" s="14"/>
      <c r="E5134" s="14"/>
      <c r="F5134" s="16"/>
      <c r="G5134" s="2"/>
      <c r="H5134" s="2"/>
      <c r="I5134" s="2"/>
      <c r="J5134" s="2"/>
      <c r="K5134" s="2"/>
      <c r="L5134" s="2"/>
    </row>
    <row r="5135" spans="1:12" s="17" customFormat="1" ht="27" customHeight="1" x14ac:dyDescent="0.15">
      <c r="A5135" s="13"/>
      <c r="B5135" s="14"/>
      <c r="C5135" s="13"/>
      <c r="D5135" s="14"/>
      <c r="E5135" s="14"/>
      <c r="F5135" s="16"/>
      <c r="G5135" s="2"/>
      <c r="H5135" s="2"/>
      <c r="I5135" s="2"/>
      <c r="J5135" s="2"/>
      <c r="K5135" s="2"/>
      <c r="L5135" s="2"/>
    </row>
    <row r="5136" spans="1:12" s="17" customFormat="1" ht="27" customHeight="1" x14ac:dyDescent="0.15">
      <c r="A5136" s="13"/>
      <c r="B5136" s="14"/>
      <c r="C5136" s="13"/>
      <c r="D5136" s="14"/>
      <c r="E5136" s="14"/>
      <c r="F5136" s="16"/>
      <c r="G5136" s="2"/>
      <c r="H5136" s="2"/>
      <c r="I5136" s="2"/>
      <c r="J5136" s="2"/>
      <c r="K5136" s="2"/>
      <c r="L5136" s="2"/>
    </row>
    <row r="5137" spans="1:12" s="17" customFormat="1" ht="27" customHeight="1" x14ac:dyDescent="0.15">
      <c r="A5137" s="13"/>
      <c r="B5137" s="14"/>
      <c r="C5137" s="13"/>
      <c r="D5137" s="14"/>
      <c r="E5137" s="14"/>
      <c r="F5137" s="16"/>
      <c r="G5137" s="2"/>
      <c r="H5137" s="2"/>
      <c r="I5137" s="2"/>
      <c r="J5137" s="2"/>
      <c r="K5137" s="2"/>
      <c r="L5137" s="2"/>
    </row>
    <row r="5138" spans="1:12" s="17" customFormat="1" ht="27" customHeight="1" x14ac:dyDescent="0.15">
      <c r="A5138" s="13"/>
      <c r="B5138" s="14"/>
      <c r="C5138" s="13"/>
      <c r="D5138" s="14"/>
      <c r="E5138" s="14"/>
      <c r="F5138" s="16"/>
      <c r="G5138" s="2"/>
      <c r="H5138" s="2"/>
      <c r="I5138" s="2"/>
      <c r="J5138" s="2"/>
      <c r="K5138" s="2"/>
      <c r="L5138" s="2"/>
    </row>
    <row r="5139" spans="1:12" s="17" customFormat="1" ht="27" customHeight="1" x14ac:dyDescent="0.15">
      <c r="A5139" s="13"/>
      <c r="B5139" s="14"/>
      <c r="C5139" s="13"/>
      <c r="D5139" s="14"/>
      <c r="E5139" s="14"/>
      <c r="F5139" s="16"/>
      <c r="G5139" s="2"/>
      <c r="H5139" s="2"/>
      <c r="I5139" s="2"/>
      <c r="J5139" s="2"/>
      <c r="K5139" s="2"/>
      <c r="L5139" s="2"/>
    </row>
    <row r="5140" spans="1:12" s="17" customFormat="1" ht="27" customHeight="1" x14ac:dyDescent="0.15">
      <c r="A5140" s="13"/>
      <c r="B5140" s="14"/>
      <c r="C5140" s="13"/>
      <c r="D5140" s="14"/>
      <c r="E5140" s="14"/>
      <c r="F5140" s="16"/>
      <c r="G5140" s="2"/>
      <c r="H5140" s="2"/>
      <c r="I5140" s="2"/>
      <c r="J5140" s="2"/>
      <c r="K5140" s="2"/>
      <c r="L5140" s="2"/>
    </row>
    <row r="5141" spans="1:12" s="17" customFormat="1" ht="27" customHeight="1" x14ac:dyDescent="0.15">
      <c r="A5141" s="13"/>
      <c r="B5141" s="14"/>
      <c r="C5141" s="13"/>
      <c r="D5141" s="14"/>
      <c r="E5141" s="14"/>
      <c r="F5141" s="16"/>
      <c r="G5141" s="2"/>
      <c r="H5141" s="2"/>
      <c r="I5141" s="2"/>
      <c r="J5141" s="2"/>
      <c r="K5141" s="2"/>
      <c r="L5141" s="2"/>
    </row>
    <row r="5142" spans="1:12" s="17" customFormat="1" ht="27" customHeight="1" x14ac:dyDescent="0.15">
      <c r="A5142" s="13"/>
      <c r="B5142" s="14"/>
      <c r="C5142" s="13"/>
      <c r="D5142" s="14"/>
      <c r="E5142" s="14"/>
      <c r="F5142" s="16"/>
      <c r="G5142" s="2"/>
      <c r="H5142" s="2"/>
      <c r="I5142" s="2"/>
      <c r="J5142" s="2"/>
      <c r="K5142" s="2"/>
      <c r="L5142" s="2"/>
    </row>
    <row r="5143" spans="1:12" s="17" customFormat="1" ht="27" customHeight="1" x14ac:dyDescent="0.15">
      <c r="A5143" s="13"/>
      <c r="B5143" s="14"/>
      <c r="C5143" s="13"/>
      <c r="D5143" s="14"/>
      <c r="E5143" s="14"/>
      <c r="F5143" s="16"/>
      <c r="G5143" s="2"/>
      <c r="H5143" s="2"/>
      <c r="I5143" s="2"/>
      <c r="J5143" s="2"/>
      <c r="K5143" s="2"/>
      <c r="L5143" s="2"/>
    </row>
    <row r="5144" spans="1:12" s="17" customFormat="1" ht="27" customHeight="1" x14ac:dyDescent="0.15">
      <c r="A5144" s="13"/>
      <c r="B5144" s="14"/>
      <c r="C5144" s="13"/>
      <c r="D5144" s="14"/>
      <c r="E5144" s="14"/>
      <c r="F5144" s="16"/>
      <c r="G5144" s="2"/>
      <c r="H5144" s="2"/>
      <c r="I5144" s="2"/>
      <c r="J5144" s="2"/>
      <c r="K5144" s="2"/>
      <c r="L5144" s="2"/>
    </row>
    <row r="5145" spans="1:12" s="17" customFormat="1" ht="27" customHeight="1" x14ac:dyDescent="0.15">
      <c r="A5145" s="13"/>
      <c r="B5145" s="14"/>
      <c r="C5145" s="13"/>
      <c r="D5145" s="14"/>
      <c r="E5145" s="14"/>
      <c r="F5145" s="16"/>
      <c r="G5145" s="2"/>
      <c r="H5145" s="2"/>
      <c r="I5145" s="2"/>
      <c r="J5145" s="2"/>
      <c r="K5145" s="2"/>
      <c r="L5145" s="2"/>
    </row>
    <row r="5146" spans="1:12" s="17" customFormat="1" ht="27" customHeight="1" x14ac:dyDescent="0.15">
      <c r="A5146" s="13"/>
      <c r="B5146" s="14"/>
      <c r="C5146" s="13"/>
      <c r="D5146" s="14"/>
      <c r="E5146" s="14"/>
      <c r="F5146" s="16"/>
      <c r="G5146" s="2"/>
      <c r="H5146" s="2"/>
      <c r="I5146" s="2"/>
      <c r="J5146" s="2"/>
      <c r="K5146" s="2"/>
      <c r="L5146" s="2"/>
    </row>
    <row r="5147" spans="1:12" s="17" customFormat="1" ht="27" customHeight="1" x14ac:dyDescent="0.15">
      <c r="A5147" s="13"/>
      <c r="B5147" s="14"/>
      <c r="C5147" s="13"/>
      <c r="D5147" s="14"/>
      <c r="E5147" s="14"/>
      <c r="F5147" s="16"/>
      <c r="G5147" s="2"/>
      <c r="H5147" s="2"/>
      <c r="I5147" s="2"/>
      <c r="J5147" s="2"/>
      <c r="K5147" s="2"/>
      <c r="L5147" s="2"/>
    </row>
    <row r="5148" spans="1:12" s="17" customFormat="1" ht="27" customHeight="1" x14ac:dyDescent="0.15">
      <c r="A5148" s="13"/>
      <c r="B5148" s="14"/>
      <c r="C5148" s="13"/>
      <c r="D5148" s="14"/>
      <c r="E5148" s="14"/>
      <c r="F5148" s="16"/>
      <c r="G5148" s="2"/>
      <c r="H5148" s="2"/>
      <c r="I5148" s="2"/>
      <c r="J5148" s="2"/>
      <c r="K5148" s="2"/>
      <c r="L5148" s="2"/>
    </row>
    <row r="5149" spans="1:12" s="17" customFormat="1" ht="27" customHeight="1" x14ac:dyDescent="0.15">
      <c r="A5149" s="13"/>
      <c r="B5149" s="14"/>
      <c r="C5149" s="13"/>
      <c r="D5149" s="14"/>
      <c r="E5149" s="14"/>
      <c r="F5149" s="16"/>
      <c r="G5149" s="2"/>
      <c r="H5149" s="2"/>
      <c r="I5149" s="2"/>
      <c r="J5149" s="2"/>
      <c r="K5149" s="2"/>
      <c r="L5149" s="2"/>
    </row>
    <row r="5150" spans="1:12" s="17" customFormat="1" ht="27" customHeight="1" x14ac:dyDescent="0.15">
      <c r="A5150" s="13"/>
      <c r="B5150" s="14"/>
      <c r="C5150" s="13"/>
      <c r="D5150" s="14"/>
      <c r="E5150" s="14"/>
      <c r="F5150" s="16"/>
      <c r="G5150" s="2"/>
      <c r="H5150" s="2"/>
      <c r="I5150" s="2"/>
      <c r="J5150" s="2"/>
      <c r="K5150" s="2"/>
      <c r="L5150" s="2"/>
    </row>
    <row r="5151" spans="1:12" s="17" customFormat="1" ht="27" customHeight="1" x14ac:dyDescent="0.15">
      <c r="A5151" s="13"/>
      <c r="B5151" s="14"/>
      <c r="C5151" s="13"/>
      <c r="D5151" s="14"/>
      <c r="E5151" s="14"/>
      <c r="F5151" s="16"/>
      <c r="G5151" s="2"/>
      <c r="H5151" s="2"/>
      <c r="I5151" s="2"/>
      <c r="J5151" s="2"/>
      <c r="K5151" s="2"/>
      <c r="L5151" s="2"/>
    </row>
    <row r="5152" spans="1:12" s="17" customFormat="1" ht="27" customHeight="1" x14ac:dyDescent="0.15">
      <c r="A5152" s="13"/>
      <c r="B5152" s="14"/>
      <c r="C5152" s="13"/>
      <c r="D5152" s="14"/>
      <c r="E5152" s="14"/>
      <c r="F5152" s="16"/>
      <c r="G5152" s="2"/>
      <c r="H5152" s="2"/>
      <c r="I5152" s="2"/>
      <c r="J5152" s="2"/>
      <c r="K5152" s="2"/>
      <c r="L5152" s="2"/>
    </row>
    <row r="5153" spans="1:12" s="17" customFormat="1" ht="27" customHeight="1" x14ac:dyDescent="0.15">
      <c r="A5153" s="13"/>
      <c r="B5153" s="14"/>
      <c r="C5153" s="13"/>
      <c r="D5153" s="14"/>
      <c r="E5153" s="14"/>
      <c r="F5153" s="16"/>
      <c r="G5153" s="2"/>
      <c r="H5153" s="2"/>
      <c r="I5153" s="2"/>
      <c r="J5153" s="2"/>
      <c r="K5153" s="2"/>
      <c r="L5153" s="2"/>
    </row>
    <row r="5154" spans="1:12" s="17" customFormat="1" ht="27" customHeight="1" x14ac:dyDescent="0.15">
      <c r="A5154" s="13"/>
      <c r="B5154" s="14"/>
      <c r="C5154" s="13"/>
      <c r="D5154" s="14"/>
      <c r="E5154" s="14"/>
      <c r="F5154" s="16"/>
      <c r="G5154" s="2"/>
      <c r="H5154" s="2"/>
      <c r="I5154" s="2"/>
      <c r="J5154" s="2"/>
      <c r="K5154" s="2"/>
      <c r="L5154" s="2"/>
    </row>
    <row r="5155" spans="1:12" s="17" customFormat="1" ht="27" customHeight="1" x14ac:dyDescent="0.15">
      <c r="A5155" s="13"/>
      <c r="B5155" s="14"/>
      <c r="C5155" s="13"/>
      <c r="D5155" s="14"/>
      <c r="E5155" s="14"/>
      <c r="F5155" s="16"/>
      <c r="G5155" s="2"/>
      <c r="H5155" s="2"/>
      <c r="I5155" s="2"/>
      <c r="J5155" s="2"/>
      <c r="K5155" s="2"/>
      <c r="L5155" s="2"/>
    </row>
    <row r="5156" spans="1:12" s="17" customFormat="1" ht="27" customHeight="1" x14ac:dyDescent="0.15">
      <c r="A5156" s="13"/>
      <c r="B5156" s="14"/>
      <c r="C5156" s="13"/>
      <c r="D5156" s="14"/>
      <c r="E5156" s="14"/>
      <c r="F5156" s="16"/>
      <c r="G5156" s="2"/>
      <c r="H5156" s="2"/>
      <c r="I5156" s="2"/>
      <c r="J5156" s="2"/>
      <c r="K5156" s="2"/>
      <c r="L5156" s="2"/>
    </row>
    <row r="5157" spans="1:12" s="17" customFormat="1" ht="27" customHeight="1" x14ac:dyDescent="0.15">
      <c r="A5157" s="13"/>
      <c r="B5157" s="14"/>
      <c r="C5157" s="13"/>
      <c r="D5157" s="14"/>
      <c r="E5157" s="14"/>
      <c r="F5157" s="16"/>
      <c r="G5157" s="2"/>
      <c r="H5157" s="2"/>
      <c r="I5157" s="2"/>
      <c r="J5157" s="2"/>
      <c r="K5157" s="2"/>
      <c r="L5157" s="2"/>
    </row>
    <row r="5158" spans="1:12" s="17" customFormat="1" ht="27" customHeight="1" x14ac:dyDescent="0.15">
      <c r="A5158" s="13"/>
      <c r="B5158" s="14"/>
      <c r="C5158" s="13"/>
      <c r="D5158" s="14"/>
      <c r="E5158" s="14"/>
      <c r="F5158" s="16"/>
      <c r="G5158" s="2"/>
      <c r="H5158" s="2"/>
      <c r="I5158" s="2"/>
      <c r="J5158" s="2"/>
      <c r="K5158" s="2"/>
      <c r="L5158" s="2"/>
    </row>
    <row r="5159" spans="1:12" s="17" customFormat="1" ht="27" customHeight="1" x14ac:dyDescent="0.15">
      <c r="A5159" s="13"/>
      <c r="B5159" s="14"/>
      <c r="C5159" s="13"/>
      <c r="D5159" s="14"/>
      <c r="E5159" s="14"/>
      <c r="F5159" s="16"/>
      <c r="G5159" s="2"/>
      <c r="H5159" s="2"/>
      <c r="I5159" s="2"/>
      <c r="J5159" s="2"/>
      <c r="K5159" s="2"/>
      <c r="L5159" s="2"/>
    </row>
    <row r="5160" spans="1:12" s="17" customFormat="1" ht="27" customHeight="1" x14ac:dyDescent="0.15">
      <c r="A5160" s="13"/>
      <c r="B5160" s="14"/>
      <c r="C5160" s="13"/>
      <c r="D5160" s="14"/>
      <c r="E5160" s="14"/>
      <c r="F5160" s="16"/>
      <c r="G5160" s="2"/>
      <c r="H5160" s="2"/>
      <c r="I5160" s="2"/>
      <c r="J5160" s="2"/>
      <c r="K5160" s="2"/>
      <c r="L5160" s="2"/>
    </row>
    <row r="5161" spans="1:12" s="17" customFormat="1" ht="27" customHeight="1" x14ac:dyDescent="0.15">
      <c r="A5161" s="13"/>
      <c r="B5161" s="14"/>
      <c r="C5161" s="13"/>
      <c r="D5161" s="14"/>
      <c r="E5161" s="14"/>
      <c r="F5161" s="16"/>
      <c r="G5161" s="2"/>
      <c r="H5161" s="2"/>
      <c r="I5161" s="2"/>
      <c r="J5161" s="2"/>
      <c r="K5161" s="2"/>
      <c r="L5161" s="2"/>
    </row>
    <row r="5162" spans="1:12" s="17" customFormat="1" ht="27" customHeight="1" x14ac:dyDescent="0.15">
      <c r="A5162" s="13"/>
      <c r="B5162" s="14"/>
      <c r="C5162" s="13"/>
      <c r="D5162" s="14"/>
      <c r="E5162" s="14"/>
      <c r="F5162" s="16"/>
      <c r="G5162" s="2"/>
      <c r="H5162" s="2"/>
      <c r="I5162" s="2"/>
      <c r="J5162" s="2"/>
      <c r="K5162" s="2"/>
      <c r="L5162" s="2"/>
    </row>
    <row r="5163" spans="1:12" s="17" customFormat="1" ht="27" customHeight="1" x14ac:dyDescent="0.15">
      <c r="A5163" s="13"/>
      <c r="B5163" s="14"/>
      <c r="C5163" s="13"/>
      <c r="D5163" s="14"/>
      <c r="E5163" s="14"/>
      <c r="F5163" s="16"/>
      <c r="G5163" s="2"/>
      <c r="H5163" s="2"/>
      <c r="I5163" s="2"/>
      <c r="J5163" s="2"/>
      <c r="K5163" s="2"/>
      <c r="L5163" s="2"/>
    </row>
    <row r="5164" spans="1:12" s="17" customFormat="1" ht="27" customHeight="1" x14ac:dyDescent="0.15">
      <c r="A5164" s="13"/>
      <c r="B5164" s="14"/>
      <c r="C5164" s="13"/>
      <c r="D5164" s="14"/>
      <c r="E5164" s="14"/>
      <c r="F5164" s="16"/>
      <c r="G5164" s="2"/>
      <c r="H5164" s="2"/>
      <c r="I5164" s="2"/>
      <c r="J5164" s="2"/>
      <c r="K5164" s="2"/>
      <c r="L5164" s="2"/>
    </row>
    <row r="5165" spans="1:12" s="17" customFormat="1" ht="27" customHeight="1" x14ac:dyDescent="0.15">
      <c r="A5165" s="13"/>
      <c r="B5165" s="14"/>
      <c r="C5165" s="13"/>
      <c r="D5165" s="14"/>
      <c r="E5165" s="14"/>
      <c r="F5165" s="16"/>
      <c r="G5165" s="2"/>
      <c r="H5165" s="2"/>
      <c r="I5165" s="2"/>
      <c r="J5165" s="2"/>
      <c r="K5165" s="2"/>
      <c r="L5165" s="2"/>
    </row>
    <row r="5166" spans="1:12" s="17" customFormat="1" ht="27" customHeight="1" x14ac:dyDescent="0.15">
      <c r="A5166" s="13"/>
      <c r="B5166" s="14"/>
      <c r="C5166" s="13"/>
      <c r="D5166" s="14"/>
      <c r="E5166" s="14"/>
      <c r="F5166" s="16"/>
      <c r="G5166" s="2"/>
      <c r="H5166" s="2"/>
      <c r="I5166" s="2"/>
      <c r="J5166" s="2"/>
      <c r="K5166" s="2"/>
      <c r="L5166" s="2"/>
    </row>
    <row r="5167" spans="1:12" s="17" customFormat="1" ht="27" customHeight="1" x14ac:dyDescent="0.15">
      <c r="A5167" s="13"/>
      <c r="B5167" s="14"/>
      <c r="C5167" s="13"/>
      <c r="D5167" s="14"/>
      <c r="E5167" s="14"/>
      <c r="F5167" s="16"/>
      <c r="G5167" s="2"/>
      <c r="H5167" s="2"/>
      <c r="I5167" s="2"/>
      <c r="J5167" s="2"/>
      <c r="K5167" s="2"/>
      <c r="L5167" s="2"/>
    </row>
    <row r="5168" spans="1:12" s="17" customFormat="1" ht="27" customHeight="1" x14ac:dyDescent="0.15">
      <c r="A5168" s="13"/>
      <c r="B5168" s="14"/>
      <c r="C5168" s="13"/>
      <c r="D5168" s="14"/>
      <c r="E5168" s="14"/>
      <c r="F5168" s="16"/>
      <c r="G5168" s="2"/>
      <c r="H5168" s="2"/>
      <c r="I5168" s="2"/>
      <c r="J5168" s="2"/>
      <c r="K5168" s="2"/>
      <c r="L5168" s="2"/>
    </row>
    <row r="5169" spans="1:12" s="17" customFormat="1" ht="27" customHeight="1" x14ac:dyDescent="0.15">
      <c r="A5169" s="13"/>
      <c r="B5169" s="14"/>
      <c r="C5169" s="13"/>
      <c r="D5169" s="14"/>
      <c r="E5169" s="14"/>
      <c r="F5169" s="16"/>
      <c r="G5169" s="2"/>
      <c r="H5169" s="2"/>
      <c r="I5169" s="2"/>
      <c r="J5169" s="2"/>
      <c r="K5169" s="2"/>
      <c r="L5169" s="2"/>
    </row>
    <row r="5170" spans="1:12" s="17" customFormat="1" ht="27" customHeight="1" x14ac:dyDescent="0.15">
      <c r="A5170" s="13"/>
      <c r="B5170" s="14"/>
      <c r="C5170" s="13"/>
      <c r="D5170" s="14"/>
      <c r="E5170" s="14"/>
      <c r="F5170" s="16"/>
      <c r="G5170" s="2"/>
      <c r="H5170" s="2"/>
      <c r="I5170" s="2"/>
      <c r="J5170" s="2"/>
      <c r="K5170" s="2"/>
      <c r="L5170" s="2"/>
    </row>
    <row r="5171" spans="1:12" s="17" customFormat="1" ht="27" customHeight="1" x14ac:dyDescent="0.15">
      <c r="A5171" s="13"/>
      <c r="B5171" s="14"/>
      <c r="C5171" s="13"/>
      <c r="D5171" s="14"/>
      <c r="E5171" s="14"/>
      <c r="F5171" s="16"/>
      <c r="G5171" s="2"/>
      <c r="H5171" s="2"/>
      <c r="I5171" s="2"/>
      <c r="J5171" s="2"/>
      <c r="K5171" s="2"/>
      <c r="L5171" s="2"/>
    </row>
    <row r="5172" spans="1:12" s="17" customFormat="1" ht="27" customHeight="1" x14ac:dyDescent="0.15">
      <c r="A5172" s="13"/>
      <c r="B5172" s="14"/>
      <c r="C5172" s="13"/>
      <c r="D5172" s="14"/>
      <c r="E5172" s="14"/>
      <c r="F5172" s="16"/>
      <c r="G5172" s="2"/>
      <c r="H5172" s="2"/>
      <c r="I5172" s="2"/>
      <c r="J5172" s="2"/>
      <c r="K5172" s="2"/>
      <c r="L5172" s="2"/>
    </row>
    <row r="5173" spans="1:12" s="17" customFormat="1" ht="27" customHeight="1" x14ac:dyDescent="0.15">
      <c r="A5173" s="13"/>
      <c r="B5173" s="14"/>
      <c r="C5173" s="13"/>
      <c r="D5173" s="14"/>
      <c r="E5173" s="14"/>
      <c r="F5173" s="16"/>
      <c r="G5173" s="2"/>
      <c r="H5173" s="2"/>
      <c r="I5173" s="2"/>
      <c r="J5173" s="2"/>
      <c r="K5173" s="2"/>
      <c r="L5173" s="2"/>
    </row>
    <row r="5174" spans="1:12" s="17" customFormat="1" ht="27" customHeight="1" x14ac:dyDescent="0.15">
      <c r="A5174" s="13"/>
      <c r="B5174" s="14"/>
      <c r="C5174" s="13"/>
      <c r="D5174" s="14"/>
      <c r="E5174" s="14"/>
      <c r="F5174" s="16"/>
      <c r="G5174" s="2"/>
      <c r="H5174" s="2"/>
      <c r="I5174" s="2"/>
      <c r="J5174" s="2"/>
      <c r="K5174" s="2"/>
      <c r="L5174" s="2"/>
    </row>
    <row r="5175" spans="1:12" s="17" customFormat="1" ht="27" customHeight="1" x14ac:dyDescent="0.15">
      <c r="A5175" s="13"/>
      <c r="B5175" s="14"/>
      <c r="C5175" s="13"/>
      <c r="D5175" s="14"/>
      <c r="E5175" s="14"/>
      <c r="F5175" s="16"/>
      <c r="G5175" s="2"/>
      <c r="H5175" s="2"/>
      <c r="I5175" s="2"/>
      <c r="J5175" s="2"/>
      <c r="K5175" s="2"/>
      <c r="L5175" s="2"/>
    </row>
    <row r="5176" spans="1:12" s="17" customFormat="1" ht="27" customHeight="1" x14ac:dyDescent="0.15">
      <c r="A5176" s="13"/>
      <c r="B5176" s="14"/>
      <c r="C5176" s="13"/>
      <c r="D5176" s="14"/>
      <c r="E5176" s="14"/>
      <c r="F5176" s="16"/>
      <c r="G5176" s="2"/>
      <c r="H5176" s="2"/>
      <c r="I5176" s="2"/>
      <c r="J5176" s="2"/>
      <c r="K5176" s="2"/>
      <c r="L5176" s="2"/>
    </row>
    <row r="5177" spans="1:12" s="17" customFormat="1" ht="27" customHeight="1" x14ac:dyDescent="0.15">
      <c r="A5177" s="13"/>
      <c r="B5177" s="14"/>
      <c r="C5177" s="13"/>
      <c r="D5177" s="14"/>
      <c r="E5177" s="14"/>
      <c r="F5177" s="16"/>
      <c r="G5177" s="2"/>
      <c r="H5177" s="2"/>
      <c r="I5177" s="2"/>
      <c r="J5177" s="2"/>
      <c r="K5177" s="2"/>
      <c r="L5177" s="2"/>
    </row>
    <row r="5178" spans="1:12" s="17" customFormat="1" ht="27" customHeight="1" x14ac:dyDescent="0.15">
      <c r="A5178" s="13"/>
      <c r="B5178" s="14"/>
      <c r="C5178" s="13"/>
      <c r="D5178" s="14"/>
      <c r="E5178" s="14"/>
      <c r="F5178" s="16"/>
      <c r="G5178" s="2"/>
      <c r="H5178" s="2"/>
      <c r="I5178" s="2"/>
      <c r="J5178" s="2"/>
      <c r="K5178" s="2"/>
      <c r="L5178" s="2"/>
    </row>
    <row r="5179" spans="1:12" s="17" customFormat="1" ht="27" customHeight="1" x14ac:dyDescent="0.15">
      <c r="A5179" s="13"/>
      <c r="B5179" s="14"/>
      <c r="C5179" s="13"/>
      <c r="D5179" s="14"/>
      <c r="E5179" s="14"/>
      <c r="F5179" s="16"/>
      <c r="G5179" s="2"/>
      <c r="H5179" s="2"/>
      <c r="I5179" s="2"/>
      <c r="J5179" s="2"/>
      <c r="K5179" s="2"/>
      <c r="L5179" s="2"/>
    </row>
    <row r="5180" spans="1:12" s="17" customFormat="1" ht="27" customHeight="1" x14ac:dyDescent="0.15">
      <c r="A5180" s="13"/>
      <c r="B5180" s="14"/>
      <c r="C5180" s="13"/>
      <c r="D5180" s="14"/>
      <c r="E5180" s="14"/>
      <c r="F5180" s="16"/>
      <c r="G5180" s="2"/>
      <c r="H5180" s="2"/>
      <c r="I5180" s="2"/>
      <c r="J5180" s="2"/>
      <c r="K5180" s="2"/>
      <c r="L5180" s="2"/>
    </row>
    <row r="5181" spans="1:12" s="18" customFormat="1" ht="27" customHeight="1" x14ac:dyDescent="0.15">
      <c r="A5181" s="13"/>
      <c r="B5181" s="14"/>
      <c r="C5181" s="13"/>
      <c r="D5181" s="14"/>
      <c r="E5181" s="14"/>
      <c r="F5181" s="16"/>
      <c r="G5181" s="2"/>
      <c r="H5181" s="2"/>
      <c r="I5181" s="2"/>
      <c r="J5181" s="2"/>
      <c r="K5181" s="2"/>
      <c r="L5181" s="2"/>
    </row>
    <row r="5182" spans="1:12" s="20" customFormat="1" ht="27" customHeight="1" x14ac:dyDescent="0.15">
      <c r="A5182" s="13"/>
      <c r="B5182" s="14"/>
      <c r="C5182" s="13"/>
      <c r="D5182" s="14"/>
      <c r="E5182" s="14"/>
      <c r="F5182" s="16"/>
      <c r="G5182" s="19"/>
      <c r="H5182" s="19"/>
      <c r="I5182" s="19"/>
      <c r="J5182" s="19"/>
      <c r="K5182" s="19"/>
      <c r="L5182" s="19"/>
    </row>
    <row r="5183" spans="1:12" s="20" customFormat="1" ht="27" customHeight="1" x14ac:dyDescent="0.15">
      <c r="A5183" s="13"/>
      <c r="B5183" s="14"/>
      <c r="C5183" s="13"/>
      <c r="D5183" s="14"/>
      <c r="E5183" s="14"/>
      <c r="F5183" s="16"/>
      <c r="G5183" s="19"/>
      <c r="H5183" s="19"/>
      <c r="I5183" s="19"/>
      <c r="J5183" s="19"/>
      <c r="K5183" s="19"/>
      <c r="L5183" s="19"/>
    </row>
    <row r="5184" spans="1:12" s="20" customFormat="1" ht="27" customHeight="1" x14ac:dyDescent="0.15">
      <c r="A5184" s="13"/>
      <c r="B5184" s="14"/>
      <c r="C5184" s="13"/>
      <c r="D5184" s="14"/>
      <c r="E5184" s="14"/>
      <c r="F5184" s="16"/>
      <c r="G5184" s="19"/>
      <c r="H5184" s="19"/>
      <c r="I5184" s="19"/>
      <c r="J5184" s="19"/>
      <c r="K5184" s="19"/>
      <c r="L5184" s="19"/>
    </row>
    <row r="5185" spans="1:12" s="20" customFormat="1" ht="27" customHeight="1" x14ac:dyDescent="0.15">
      <c r="A5185" s="13"/>
      <c r="B5185" s="14"/>
      <c r="C5185" s="13"/>
      <c r="D5185" s="14"/>
      <c r="E5185" s="14"/>
      <c r="F5185" s="16"/>
      <c r="G5185" s="19"/>
      <c r="H5185" s="19"/>
      <c r="I5185" s="19"/>
      <c r="J5185" s="19"/>
      <c r="K5185" s="19"/>
      <c r="L5185" s="19"/>
    </row>
    <row r="5186" spans="1:12" s="20" customFormat="1" ht="27" customHeight="1" x14ac:dyDescent="0.15">
      <c r="A5186" s="13"/>
      <c r="B5186" s="14"/>
      <c r="C5186" s="13"/>
      <c r="D5186" s="14"/>
      <c r="E5186" s="14"/>
      <c r="F5186" s="16"/>
      <c r="G5186" s="19"/>
      <c r="H5186" s="19"/>
      <c r="I5186" s="19"/>
      <c r="J5186" s="19"/>
      <c r="K5186" s="19"/>
      <c r="L5186" s="19"/>
    </row>
    <row r="5187" spans="1:12" s="20" customFormat="1" ht="27" customHeight="1" x14ac:dyDescent="0.15">
      <c r="A5187" s="13"/>
      <c r="B5187" s="14"/>
      <c r="C5187" s="13"/>
      <c r="D5187" s="14"/>
      <c r="E5187" s="14"/>
      <c r="F5187" s="16"/>
      <c r="G5187" s="19"/>
      <c r="H5187" s="19"/>
      <c r="I5187" s="19"/>
      <c r="J5187" s="19"/>
      <c r="K5187" s="19"/>
      <c r="L5187" s="19"/>
    </row>
    <row r="5188" spans="1:12" s="20" customFormat="1" ht="27" customHeight="1" x14ac:dyDescent="0.15">
      <c r="A5188" s="13"/>
      <c r="B5188" s="14"/>
      <c r="C5188" s="13"/>
      <c r="D5188" s="14"/>
      <c r="E5188" s="14"/>
      <c r="F5188" s="16"/>
      <c r="G5188" s="19"/>
      <c r="H5188" s="19"/>
      <c r="I5188" s="19"/>
      <c r="J5188" s="19"/>
      <c r="K5188" s="19"/>
      <c r="L5188" s="19"/>
    </row>
    <row r="5189" spans="1:12" s="20" customFormat="1" ht="27" customHeight="1" x14ac:dyDescent="0.15">
      <c r="A5189" s="13"/>
      <c r="B5189" s="14"/>
      <c r="C5189" s="13"/>
      <c r="D5189" s="14"/>
      <c r="E5189" s="14"/>
      <c r="F5189" s="16"/>
      <c r="G5189" s="19"/>
      <c r="H5189" s="19"/>
      <c r="I5189" s="19"/>
      <c r="J5189" s="19"/>
      <c r="K5189" s="19"/>
      <c r="L5189" s="19"/>
    </row>
    <row r="5190" spans="1:12" s="20" customFormat="1" ht="27" customHeight="1" x14ac:dyDescent="0.15">
      <c r="A5190" s="13"/>
      <c r="B5190" s="14"/>
      <c r="C5190" s="13"/>
      <c r="D5190" s="14"/>
      <c r="E5190" s="14"/>
      <c r="F5190" s="16"/>
      <c r="G5190" s="19"/>
      <c r="H5190" s="19"/>
      <c r="I5190" s="19"/>
      <c r="J5190" s="19"/>
      <c r="K5190" s="19"/>
      <c r="L5190" s="19"/>
    </row>
    <row r="5191" spans="1:12" s="20" customFormat="1" ht="27" customHeight="1" x14ac:dyDescent="0.15">
      <c r="A5191" s="13"/>
      <c r="B5191" s="14"/>
      <c r="C5191" s="13"/>
      <c r="D5191" s="14"/>
      <c r="E5191" s="14"/>
      <c r="F5191" s="16"/>
      <c r="G5191" s="19"/>
      <c r="H5191" s="19"/>
      <c r="I5191" s="19"/>
      <c r="J5191" s="19"/>
      <c r="K5191" s="19"/>
      <c r="L5191" s="19"/>
    </row>
    <row r="5192" spans="1:12" s="20" customFormat="1" ht="27" customHeight="1" x14ac:dyDescent="0.15">
      <c r="A5192" s="13"/>
      <c r="B5192" s="14"/>
      <c r="C5192" s="13"/>
      <c r="D5192" s="14"/>
      <c r="E5192" s="14"/>
      <c r="F5192" s="16"/>
      <c r="G5192" s="19"/>
      <c r="H5192" s="19"/>
      <c r="I5192" s="19"/>
      <c r="J5192" s="19"/>
      <c r="K5192" s="19"/>
      <c r="L5192" s="19"/>
    </row>
    <row r="5193" spans="1:12" s="20" customFormat="1" ht="27" customHeight="1" x14ac:dyDescent="0.15">
      <c r="A5193" s="13"/>
      <c r="B5193" s="14"/>
      <c r="C5193" s="13"/>
      <c r="D5193" s="14"/>
      <c r="E5193" s="14"/>
      <c r="F5193" s="16"/>
      <c r="G5193" s="19"/>
      <c r="H5193" s="19"/>
      <c r="I5193" s="19"/>
      <c r="J5193" s="19"/>
      <c r="K5193" s="19"/>
      <c r="L5193" s="19"/>
    </row>
    <row r="5194" spans="1:12" s="20" customFormat="1" ht="27" customHeight="1" x14ac:dyDescent="0.15">
      <c r="A5194" s="13"/>
      <c r="B5194" s="14"/>
      <c r="C5194" s="13"/>
      <c r="D5194" s="14"/>
      <c r="E5194" s="14"/>
      <c r="F5194" s="16"/>
      <c r="G5194" s="19"/>
      <c r="H5194" s="19"/>
      <c r="I5194" s="19"/>
      <c r="J5194" s="19"/>
      <c r="K5194" s="19"/>
      <c r="L5194" s="19"/>
    </row>
    <row r="5195" spans="1:12" s="20" customFormat="1" ht="27" customHeight="1" x14ac:dyDescent="0.15">
      <c r="A5195" s="13"/>
      <c r="B5195" s="14"/>
      <c r="C5195" s="13"/>
      <c r="D5195" s="14"/>
      <c r="E5195" s="14"/>
      <c r="F5195" s="16"/>
      <c r="G5195" s="19"/>
      <c r="H5195" s="19"/>
      <c r="I5195" s="19"/>
      <c r="J5195" s="19"/>
      <c r="K5195" s="19"/>
      <c r="L5195" s="19"/>
    </row>
    <row r="5196" spans="1:12" s="20" customFormat="1" ht="27" customHeight="1" x14ac:dyDescent="0.15">
      <c r="A5196" s="13"/>
      <c r="B5196" s="14"/>
      <c r="C5196" s="13"/>
      <c r="D5196" s="14"/>
      <c r="E5196" s="14"/>
      <c r="F5196" s="16"/>
      <c r="G5196" s="19"/>
      <c r="H5196" s="19"/>
      <c r="I5196" s="19"/>
      <c r="J5196" s="19"/>
      <c r="K5196" s="19"/>
      <c r="L5196" s="19"/>
    </row>
    <row r="5197" spans="1:12" s="20" customFormat="1" ht="27" customHeight="1" x14ac:dyDescent="0.15">
      <c r="A5197" s="13"/>
      <c r="B5197" s="14"/>
      <c r="C5197" s="13"/>
      <c r="D5197" s="14"/>
      <c r="E5197" s="14"/>
      <c r="F5197" s="16"/>
      <c r="G5197" s="19"/>
      <c r="H5197" s="19"/>
      <c r="I5197" s="19"/>
      <c r="J5197" s="19"/>
      <c r="K5197" s="19"/>
      <c r="L5197" s="19"/>
    </row>
    <row r="5198" spans="1:12" s="20" customFormat="1" ht="27" customHeight="1" x14ac:dyDescent="0.15">
      <c r="A5198" s="13"/>
      <c r="B5198" s="14"/>
      <c r="C5198" s="13"/>
      <c r="D5198" s="14"/>
      <c r="E5198" s="14"/>
      <c r="F5198" s="16"/>
      <c r="G5198" s="19"/>
      <c r="H5198" s="19"/>
      <c r="I5198" s="19"/>
      <c r="J5198" s="19"/>
      <c r="K5198" s="19"/>
      <c r="L5198" s="19"/>
    </row>
    <row r="5199" spans="1:12" s="20" customFormat="1" ht="27" customHeight="1" x14ac:dyDescent="0.15">
      <c r="A5199" s="13"/>
      <c r="B5199" s="14"/>
      <c r="C5199" s="13"/>
      <c r="D5199" s="14"/>
      <c r="E5199" s="14"/>
      <c r="F5199" s="16"/>
      <c r="G5199" s="19"/>
      <c r="H5199" s="19"/>
      <c r="I5199" s="19"/>
      <c r="J5199" s="19"/>
      <c r="K5199" s="19"/>
      <c r="L5199" s="19"/>
    </row>
    <row r="5200" spans="1:12" s="20" customFormat="1" ht="27" customHeight="1" x14ac:dyDescent="0.15">
      <c r="A5200" s="13"/>
      <c r="B5200" s="14"/>
      <c r="C5200" s="13"/>
      <c r="D5200" s="14"/>
      <c r="E5200" s="14"/>
      <c r="F5200" s="16"/>
      <c r="G5200" s="19"/>
      <c r="H5200" s="19"/>
      <c r="I5200" s="19"/>
      <c r="J5200" s="19"/>
      <c r="K5200" s="19"/>
      <c r="L5200" s="19"/>
    </row>
    <row r="5201" spans="1:12" s="20" customFormat="1" ht="27" customHeight="1" x14ac:dyDescent="0.15">
      <c r="A5201" s="13"/>
      <c r="B5201" s="14"/>
      <c r="C5201" s="13"/>
      <c r="D5201" s="14"/>
      <c r="E5201" s="14"/>
      <c r="F5201" s="16"/>
      <c r="G5201" s="19"/>
      <c r="H5201" s="19"/>
      <c r="I5201" s="19"/>
      <c r="J5201" s="19"/>
      <c r="K5201" s="19"/>
      <c r="L5201" s="19"/>
    </row>
    <row r="5202" spans="1:12" s="20" customFormat="1" ht="27" customHeight="1" x14ac:dyDescent="0.15">
      <c r="A5202" s="13"/>
      <c r="B5202" s="14"/>
      <c r="C5202" s="13"/>
      <c r="D5202" s="14"/>
      <c r="E5202" s="14"/>
      <c r="F5202" s="16"/>
      <c r="G5202" s="19"/>
      <c r="H5202" s="19"/>
      <c r="I5202" s="19"/>
      <c r="J5202" s="19"/>
      <c r="K5202" s="19"/>
      <c r="L5202" s="19"/>
    </row>
    <row r="5203" spans="1:12" s="20" customFormat="1" ht="27" customHeight="1" x14ac:dyDescent="0.15">
      <c r="A5203" s="13"/>
      <c r="B5203" s="14"/>
      <c r="C5203" s="13"/>
      <c r="D5203" s="14"/>
      <c r="E5203" s="14"/>
      <c r="F5203" s="16"/>
      <c r="G5203" s="19"/>
      <c r="H5203" s="19"/>
      <c r="I5203" s="19"/>
      <c r="J5203" s="19"/>
      <c r="K5203" s="19"/>
      <c r="L5203" s="19"/>
    </row>
    <row r="5204" spans="1:12" s="20" customFormat="1" ht="27" customHeight="1" x14ac:dyDescent="0.15">
      <c r="A5204" s="13"/>
      <c r="B5204" s="14"/>
      <c r="C5204" s="13"/>
      <c r="D5204" s="14"/>
      <c r="E5204" s="14"/>
      <c r="F5204" s="16"/>
      <c r="G5204" s="19"/>
      <c r="H5204" s="19"/>
      <c r="I5204" s="19"/>
      <c r="J5204" s="19"/>
      <c r="K5204" s="19"/>
      <c r="L5204" s="19"/>
    </row>
    <row r="5205" spans="1:12" s="20" customFormat="1" ht="27" customHeight="1" x14ac:dyDescent="0.15">
      <c r="A5205" s="13"/>
      <c r="B5205" s="14"/>
      <c r="C5205" s="13"/>
      <c r="D5205" s="14"/>
      <c r="E5205" s="14"/>
      <c r="F5205" s="16"/>
      <c r="G5205" s="19"/>
      <c r="H5205" s="19"/>
      <c r="I5205" s="19"/>
      <c r="J5205" s="19"/>
      <c r="K5205" s="19"/>
      <c r="L5205" s="19"/>
    </row>
    <row r="5206" spans="1:12" s="20" customFormat="1" ht="27" customHeight="1" x14ac:dyDescent="0.15">
      <c r="A5206" s="13"/>
      <c r="B5206" s="14"/>
      <c r="C5206" s="13"/>
      <c r="D5206" s="14"/>
      <c r="E5206" s="14"/>
      <c r="F5206" s="16"/>
      <c r="G5206" s="19"/>
      <c r="H5206" s="19"/>
      <c r="I5206" s="19"/>
      <c r="J5206" s="19"/>
      <c r="K5206" s="19"/>
      <c r="L5206" s="19"/>
    </row>
    <row r="5207" spans="1:12" s="20" customFormat="1" ht="27" customHeight="1" x14ac:dyDescent="0.15">
      <c r="A5207" s="13"/>
      <c r="B5207" s="14"/>
      <c r="C5207" s="13"/>
      <c r="D5207" s="14"/>
      <c r="E5207" s="14"/>
      <c r="F5207" s="16"/>
      <c r="G5207" s="19"/>
      <c r="H5207" s="19"/>
      <c r="I5207" s="19"/>
      <c r="J5207" s="19"/>
      <c r="K5207" s="19"/>
      <c r="L5207" s="19"/>
    </row>
    <row r="5208" spans="1:12" s="20" customFormat="1" ht="27" customHeight="1" x14ac:dyDescent="0.15">
      <c r="A5208" s="13"/>
      <c r="B5208" s="14"/>
      <c r="C5208" s="13"/>
      <c r="D5208" s="14"/>
      <c r="E5208" s="14"/>
      <c r="F5208" s="16"/>
      <c r="G5208" s="19"/>
      <c r="H5208" s="19"/>
      <c r="I5208" s="19"/>
      <c r="J5208" s="19"/>
      <c r="K5208" s="19"/>
      <c r="L5208" s="19"/>
    </row>
    <row r="5209" spans="1:12" s="20" customFormat="1" ht="27" customHeight="1" x14ac:dyDescent="0.15">
      <c r="A5209" s="13"/>
      <c r="B5209" s="14"/>
      <c r="C5209" s="13"/>
      <c r="D5209" s="14"/>
      <c r="E5209" s="14"/>
      <c r="F5209" s="16"/>
      <c r="G5209" s="19"/>
      <c r="H5209" s="19"/>
      <c r="I5209" s="19"/>
      <c r="J5209" s="19"/>
      <c r="K5209" s="19"/>
      <c r="L5209" s="19"/>
    </row>
    <row r="5210" spans="1:12" s="20" customFormat="1" ht="27" customHeight="1" x14ac:dyDescent="0.15">
      <c r="A5210" s="13"/>
      <c r="B5210" s="14"/>
      <c r="C5210" s="13"/>
      <c r="D5210" s="14"/>
      <c r="E5210" s="14"/>
      <c r="F5210" s="16"/>
      <c r="G5210" s="19"/>
      <c r="H5210" s="19"/>
      <c r="I5210" s="19"/>
      <c r="J5210" s="19"/>
      <c r="K5210" s="19"/>
      <c r="L5210" s="19"/>
    </row>
    <row r="5211" spans="1:12" s="20" customFormat="1" ht="27" customHeight="1" x14ac:dyDescent="0.15">
      <c r="A5211" s="13"/>
      <c r="B5211" s="14"/>
      <c r="C5211" s="13"/>
      <c r="D5211" s="14"/>
      <c r="E5211" s="14"/>
      <c r="F5211" s="16"/>
      <c r="G5211" s="19"/>
      <c r="H5211" s="19"/>
      <c r="I5211" s="19"/>
      <c r="J5211" s="19"/>
      <c r="K5211" s="19"/>
      <c r="L5211" s="19"/>
    </row>
    <row r="5212" spans="1:12" s="20" customFormat="1" ht="27" customHeight="1" x14ac:dyDescent="0.15">
      <c r="A5212" s="13"/>
      <c r="B5212" s="14"/>
      <c r="C5212" s="13"/>
      <c r="D5212" s="14"/>
      <c r="E5212" s="14"/>
      <c r="F5212" s="16"/>
      <c r="G5212" s="19"/>
      <c r="H5212" s="19"/>
      <c r="I5212" s="19"/>
      <c r="J5212" s="19"/>
      <c r="K5212" s="19"/>
      <c r="L5212" s="19"/>
    </row>
    <row r="5213" spans="1:12" s="20" customFormat="1" ht="27" customHeight="1" x14ac:dyDescent="0.15">
      <c r="A5213" s="13"/>
      <c r="B5213" s="14"/>
      <c r="C5213" s="13"/>
      <c r="D5213" s="14"/>
      <c r="E5213" s="14"/>
      <c r="F5213" s="16"/>
      <c r="G5213" s="19"/>
      <c r="H5213" s="19"/>
      <c r="I5213" s="19"/>
      <c r="J5213" s="19"/>
      <c r="K5213" s="19"/>
      <c r="L5213" s="19"/>
    </row>
    <row r="5214" spans="1:12" s="20" customFormat="1" ht="27" customHeight="1" x14ac:dyDescent="0.15">
      <c r="A5214" s="13"/>
      <c r="B5214" s="14"/>
      <c r="C5214" s="13"/>
      <c r="D5214" s="14"/>
      <c r="E5214" s="14"/>
      <c r="F5214" s="16"/>
      <c r="G5214" s="19"/>
      <c r="H5214" s="19"/>
      <c r="I5214" s="19"/>
      <c r="J5214" s="19"/>
      <c r="K5214" s="19"/>
      <c r="L5214" s="19"/>
    </row>
    <row r="5215" spans="1:12" s="20" customFormat="1" ht="27" customHeight="1" x14ac:dyDescent="0.15">
      <c r="A5215" s="13"/>
      <c r="B5215" s="14"/>
      <c r="C5215" s="13"/>
      <c r="D5215" s="14"/>
      <c r="E5215" s="14"/>
      <c r="F5215" s="16"/>
      <c r="G5215" s="19"/>
      <c r="H5215" s="19"/>
      <c r="I5215" s="19"/>
      <c r="J5215" s="19"/>
      <c r="K5215" s="19"/>
      <c r="L5215" s="19"/>
    </row>
    <row r="5216" spans="1:12" s="20" customFormat="1" ht="27" customHeight="1" x14ac:dyDescent="0.15">
      <c r="A5216" s="13"/>
      <c r="B5216" s="14"/>
      <c r="C5216" s="13"/>
      <c r="D5216" s="14"/>
      <c r="E5216" s="14"/>
      <c r="F5216" s="16"/>
      <c r="G5216" s="19"/>
      <c r="H5216" s="19"/>
      <c r="I5216" s="19"/>
      <c r="J5216" s="19"/>
      <c r="K5216" s="19"/>
      <c r="L5216" s="19"/>
    </row>
    <row r="5217" spans="1:12" s="20" customFormat="1" ht="27" customHeight="1" x14ac:dyDescent="0.15">
      <c r="A5217" s="13"/>
      <c r="B5217" s="14"/>
      <c r="C5217" s="13"/>
      <c r="D5217" s="14"/>
      <c r="E5217" s="14"/>
      <c r="F5217" s="16"/>
      <c r="G5217" s="19"/>
      <c r="H5217" s="19"/>
      <c r="I5217" s="19"/>
      <c r="J5217" s="19"/>
      <c r="K5217" s="19"/>
      <c r="L5217" s="19"/>
    </row>
    <row r="5218" spans="1:12" s="20" customFormat="1" ht="27" customHeight="1" x14ac:dyDescent="0.15">
      <c r="A5218" s="13"/>
      <c r="B5218" s="14"/>
      <c r="C5218" s="13"/>
      <c r="D5218" s="14"/>
      <c r="E5218" s="14"/>
      <c r="F5218" s="16"/>
      <c r="G5218" s="19"/>
      <c r="H5218" s="19"/>
      <c r="I5218" s="19"/>
      <c r="J5218" s="19"/>
      <c r="K5218" s="19"/>
      <c r="L5218" s="19"/>
    </row>
    <row r="5219" spans="1:12" s="20" customFormat="1" ht="27" customHeight="1" x14ac:dyDescent="0.15">
      <c r="A5219" s="13"/>
      <c r="B5219" s="14"/>
      <c r="C5219" s="13"/>
      <c r="D5219" s="14"/>
      <c r="E5219" s="14"/>
      <c r="F5219" s="16"/>
      <c r="G5219" s="19"/>
      <c r="H5219" s="19"/>
      <c r="I5219" s="19"/>
      <c r="J5219" s="19"/>
      <c r="K5219" s="19"/>
      <c r="L5219" s="19"/>
    </row>
    <row r="5220" spans="1:12" s="20" customFormat="1" ht="27" customHeight="1" x14ac:dyDescent="0.15">
      <c r="A5220" s="13"/>
      <c r="B5220" s="14"/>
      <c r="C5220" s="13"/>
      <c r="D5220" s="14"/>
      <c r="E5220" s="14"/>
      <c r="F5220" s="16"/>
      <c r="G5220" s="19"/>
      <c r="H5220" s="19"/>
      <c r="I5220" s="19"/>
      <c r="J5220" s="19"/>
      <c r="K5220" s="19"/>
      <c r="L5220" s="19"/>
    </row>
    <row r="5221" spans="1:12" s="20" customFormat="1" ht="27" customHeight="1" x14ac:dyDescent="0.15">
      <c r="A5221" s="13"/>
      <c r="B5221" s="14"/>
      <c r="C5221" s="13"/>
      <c r="D5221" s="14"/>
      <c r="E5221" s="14"/>
      <c r="F5221" s="16"/>
      <c r="G5221" s="19"/>
      <c r="H5221" s="19"/>
      <c r="I5221" s="19"/>
      <c r="J5221" s="19"/>
      <c r="K5221" s="19"/>
      <c r="L5221" s="19"/>
    </row>
    <row r="5222" spans="1:12" s="20" customFormat="1" ht="27" customHeight="1" x14ac:dyDescent="0.15">
      <c r="A5222" s="13"/>
      <c r="B5222" s="14"/>
      <c r="C5222" s="13"/>
      <c r="D5222" s="14"/>
      <c r="E5222" s="14"/>
      <c r="F5222" s="16"/>
      <c r="G5222" s="19"/>
      <c r="H5222" s="19"/>
      <c r="I5222" s="19"/>
      <c r="J5222" s="19"/>
      <c r="K5222" s="19"/>
      <c r="L5222" s="19"/>
    </row>
    <row r="5223" spans="1:12" s="20" customFormat="1" ht="27" customHeight="1" x14ac:dyDescent="0.15">
      <c r="A5223" s="13"/>
      <c r="B5223" s="14"/>
      <c r="C5223" s="13"/>
      <c r="D5223" s="14"/>
      <c r="E5223" s="14"/>
      <c r="F5223" s="16"/>
      <c r="G5223" s="19"/>
      <c r="H5223" s="19"/>
      <c r="I5223" s="19"/>
      <c r="J5223" s="19"/>
      <c r="K5223" s="19"/>
      <c r="L5223" s="19"/>
    </row>
    <row r="5224" spans="1:12" s="20" customFormat="1" ht="27" customHeight="1" x14ac:dyDescent="0.15">
      <c r="A5224" s="13"/>
      <c r="B5224" s="14"/>
      <c r="C5224" s="13"/>
      <c r="D5224" s="14"/>
      <c r="E5224" s="14"/>
      <c r="F5224" s="16"/>
      <c r="G5224" s="19"/>
      <c r="H5224" s="19"/>
      <c r="I5224" s="19"/>
      <c r="J5224" s="19"/>
      <c r="K5224" s="19"/>
      <c r="L5224" s="19"/>
    </row>
    <row r="5225" spans="1:12" s="20" customFormat="1" ht="27" customHeight="1" x14ac:dyDescent="0.15">
      <c r="A5225" s="13"/>
      <c r="B5225" s="14"/>
      <c r="C5225" s="13"/>
      <c r="D5225" s="14"/>
      <c r="E5225" s="14"/>
      <c r="F5225" s="16"/>
      <c r="G5225" s="19"/>
      <c r="H5225" s="19"/>
      <c r="I5225" s="19"/>
      <c r="J5225" s="19"/>
      <c r="K5225" s="19"/>
      <c r="L5225" s="19"/>
    </row>
    <row r="5226" spans="1:12" s="20" customFormat="1" ht="27" customHeight="1" x14ac:dyDescent="0.15">
      <c r="A5226" s="13"/>
      <c r="B5226" s="14"/>
      <c r="C5226" s="13"/>
      <c r="D5226" s="14"/>
      <c r="E5226" s="14"/>
      <c r="F5226" s="16"/>
      <c r="G5226" s="19"/>
      <c r="H5226" s="19"/>
      <c r="I5226" s="19"/>
      <c r="J5226" s="19"/>
      <c r="K5226" s="19"/>
      <c r="L5226" s="19"/>
    </row>
    <row r="5227" spans="1:12" s="20" customFormat="1" ht="27" customHeight="1" x14ac:dyDescent="0.15">
      <c r="A5227" s="13"/>
      <c r="B5227" s="14"/>
      <c r="C5227" s="13"/>
      <c r="D5227" s="14"/>
      <c r="E5227" s="14"/>
      <c r="F5227" s="16"/>
      <c r="G5227" s="19"/>
      <c r="H5227" s="19"/>
      <c r="I5227" s="19"/>
      <c r="J5227" s="19"/>
      <c r="K5227" s="19"/>
      <c r="L5227" s="19"/>
    </row>
    <row r="5228" spans="1:12" s="20" customFormat="1" ht="27" customHeight="1" x14ac:dyDescent="0.15">
      <c r="A5228" s="13"/>
      <c r="B5228" s="14"/>
      <c r="C5228" s="13"/>
      <c r="D5228" s="14"/>
      <c r="E5228" s="14"/>
      <c r="F5228" s="16"/>
      <c r="G5228" s="19"/>
      <c r="H5228" s="19"/>
      <c r="I5228" s="19"/>
      <c r="J5228" s="19"/>
      <c r="K5228" s="19"/>
      <c r="L5228" s="19"/>
    </row>
    <row r="5229" spans="1:12" s="20" customFormat="1" ht="27" customHeight="1" x14ac:dyDescent="0.15">
      <c r="A5229" s="13"/>
      <c r="B5229" s="14"/>
      <c r="C5229" s="13"/>
      <c r="D5229" s="14"/>
      <c r="E5229" s="14"/>
      <c r="F5229" s="16"/>
      <c r="G5229" s="19"/>
      <c r="H5229" s="19"/>
      <c r="I5229" s="19"/>
      <c r="J5229" s="19"/>
      <c r="K5229" s="19"/>
      <c r="L5229" s="19"/>
    </row>
    <row r="5230" spans="1:12" s="20" customFormat="1" ht="27" customHeight="1" x14ac:dyDescent="0.15">
      <c r="A5230" s="13"/>
      <c r="B5230" s="14"/>
      <c r="C5230" s="13"/>
      <c r="D5230" s="14"/>
      <c r="E5230" s="14"/>
      <c r="F5230" s="16"/>
      <c r="G5230" s="19"/>
      <c r="H5230" s="19"/>
      <c r="I5230" s="19"/>
      <c r="J5230" s="19"/>
      <c r="K5230" s="19"/>
      <c r="L5230" s="19"/>
    </row>
    <row r="5231" spans="1:12" s="20" customFormat="1" ht="27" customHeight="1" x14ac:dyDescent="0.15">
      <c r="A5231" s="13"/>
      <c r="B5231" s="14"/>
      <c r="C5231" s="13"/>
      <c r="D5231" s="14"/>
      <c r="E5231" s="14"/>
      <c r="F5231" s="16"/>
      <c r="G5231" s="19"/>
      <c r="H5231" s="19"/>
      <c r="I5231" s="19"/>
      <c r="J5231" s="19"/>
      <c r="K5231" s="19"/>
      <c r="L5231" s="19"/>
    </row>
    <row r="5232" spans="1:12" s="20" customFormat="1" ht="27" customHeight="1" x14ac:dyDescent="0.15">
      <c r="A5232" s="13"/>
      <c r="B5232" s="14"/>
      <c r="C5232" s="13"/>
      <c r="D5232" s="14"/>
      <c r="E5232" s="14"/>
      <c r="F5232" s="16"/>
      <c r="G5232" s="19"/>
      <c r="H5232" s="19"/>
      <c r="I5232" s="19"/>
      <c r="J5232" s="19"/>
      <c r="K5232" s="19"/>
      <c r="L5232" s="19"/>
    </row>
    <row r="5233" spans="1:12" s="20" customFormat="1" ht="27" customHeight="1" x14ac:dyDescent="0.15">
      <c r="A5233" s="13"/>
      <c r="B5233" s="14"/>
      <c r="C5233" s="13"/>
      <c r="D5233" s="14"/>
      <c r="E5233" s="14"/>
      <c r="F5233" s="16"/>
      <c r="G5233" s="19"/>
      <c r="H5233" s="19"/>
      <c r="I5233" s="19"/>
      <c r="J5233" s="19"/>
      <c r="K5233" s="19"/>
      <c r="L5233" s="19"/>
    </row>
    <row r="5234" spans="1:12" s="20" customFormat="1" ht="27" customHeight="1" x14ac:dyDescent="0.15">
      <c r="A5234" s="13"/>
      <c r="B5234" s="14"/>
      <c r="C5234" s="13"/>
      <c r="D5234" s="14"/>
      <c r="E5234" s="14"/>
      <c r="F5234" s="16"/>
      <c r="G5234" s="19"/>
      <c r="H5234" s="19"/>
      <c r="I5234" s="19"/>
      <c r="J5234" s="19"/>
      <c r="K5234" s="19"/>
      <c r="L5234" s="19"/>
    </row>
    <row r="5235" spans="1:12" s="20" customFormat="1" ht="27" customHeight="1" x14ac:dyDescent="0.15">
      <c r="A5235" s="13"/>
      <c r="B5235" s="14"/>
      <c r="C5235" s="13"/>
      <c r="D5235" s="14"/>
      <c r="E5235" s="14"/>
      <c r="F5235" s="16"/>
      <c r="G5235" s="19"/>
      <c r="H5235" s="19"/>
      <c r="I5235" s="19"/>
      <c r="J5235" s="19"/>
      <c r="K5235" s="19"/>
      <c r="L5235" s="19"/>
    </row>
    <row r="5236" spans="1:12" s="20" customFormat="1" ht="27" customHeight="1" x14ac:dyDescent="0.15">
      <c r="A5236" s="13"/>
      <c r="B5236" s="14"/>
      <c r="C5236" s="13"/>
      <c r="D5236" s="14"/>
      <c r="E5236" s="14"/>
      <c r="F5236" s="16"/>
      <c r="G5236" s="19"/>
      <c r="H5236" s="19"/>
      <c r="I5236" s="19"/>
      <c r="J5236" s="19"/>
      <c r="K5236" s="19"/>
      <c r="L5236" s="19"/>
    </row>
    <row r="5237" spans="1:12" s="20" customFormat="1" ht="27" customHeight="1" x14ac:dyDescent="0.15">
      <c r="A5237" s="13"/>
      <c r="B5237" s="14"/>
      <c r="C5237" s="13"/>
      <c r="D5237" s="14"/>
      <c r="E5237" s="14"/>
      <c r="F5237" s="16"/>
      <c r="G5237" s="19"/>
      <c r="H5237" s="19"/>
      <c r="I5237" s="19"/>
      <c r="J5237" s="19"/>
      <c r="K5237" s="19"/>
      <c r="L5237" s="19"/>
    </row>
    <row r="5238" spans="1:12" s="20" customFormat="1" ht="27" customHeight="1" x14ac:dyDescent="0.15">
      <c r="A5238" s="13"/>
      <c r="B5238" s="14"/>
      <c r="C5238" s="13"/>
      <c r="D5238" s="14"/>
      <c r="E5238" s="14"/>
      <c r="F5238" s="16"/>
      <c r="G5238" s="19"/>
      <c r="H5238" s="19"/>
      <c r="I5238" s="19"/>
      <c r="J5238" s="19"/>
      <c r="K5238" s="19"/>
      <c r="L5238" s="19"/>
    </row>
    <row r="5239" spans="1:12" s="20" customFormat="1" ht="27" customHeight="1" x14ac:dyDescent="0.15">
      <c r="A5239" s="13"/>
      <c r="B5239" s="14"/>
      <c r="C5239" s="13"/>
      <c r="D5239" s="14"/>
      <c r="E5239" s="14"/>
      <c r="F5239" s="16"/>
      <c r="G5239" s="19"/>
      <c r="H5239" s="19"/>
      <c r="I5239" s="19"/>
      <c r="J5239" s="19"/>
      <c r="K5239" s="19"/>
      <c r="L5239" s="19"/>
    </row>
    <row r="5240" spans="1:12" s="20" customFormat="1" ht="27" customHeight="1" x14ac:dyDescent="0.15">
      <c r="A5240" s="13"/>
      <c r="B5240" s="14"/>
      <c r="C5240" s="13"/>
      <c r="D5240" s="14"/>
      <c r="E5240" s="14"/>
      <c r="F5240" s="16"/>
      <c r="G5240" s="19"/>
      <c r="H5240" s="19"/>
      <c r="I5240" s="19"/>
      <c r="J5240" s="19"/>
      <c r="K5240" s="19"/>
      <c r="L5240" s="19"/>
    </row>
    <row r="5241" spans="1:12" s="20" customFormat="1" ht="27" customHeight="1" x14ac:dyDescent="0.15">
      <c r="A5241" s="13"/>
      <c r="B5241" s="14"/>
      <c r="C5241" s="13"/>
      <c r="D5241" s="14"/>
      <c r="E5241" s="14"/>
      <c r="F5241" s="16"/>
      <c r="G5241" s="19"/>
      <c r="H5241" s="19"/>
      <c r="I5241" s="19"/>
      <c r="J5241" s="19"/>
      <c r="K5241" s="19"/>
      <c r="L5241" s="19"/>
    </row>
    <row r="5242" spans="1:12" s="20" customFormat="1" ht="27" customHeight="1" x14ac:dyDescent="0.15">
      <c r="A5242" s="13"/>
      <c r="B5242" s="14"/>
      <c r="C5242" s="13"/>
      <c r="D5242" s="14"/>
      <c r="E5242" s="14"/>
      <c r="F5242" s="16"/>
      <c r="G5242" s="19"/>
      <c r="H5242" s="19"/>
      <c r="I5242" s="19"/>
      <c r="J5242" s="19"/>
      <c r="K5242" s="19"/>
      <c r="L5242" s="19"/>
    </row>
    <row r="5243" spans="1:12" s="20" customFormat="1" ht="27" customHeight="1" x14ac:dyDescent="0.15">
      <c r="A5243" s="13"/>
      <c r="B5243" s="14"/>
      <c r="C5243" s="13"/>
      <c r="D5243" s="14"/>
      <c r="E5243" s="14"/>
      <c r="F5243" s="16"/>
      <c r="G5243" s="19"/>
      <c r="H5243" s="19"/>
      <c r="I5243" s="19"/>
      <c r="J5243" s="19"/>
      <c r="K5243" s="19"/>
      <c r="L5243" s="19"/>
    </row>
    <row r="5244" spans="1:12" s="20" customFormat="1" ht="27" customHeight="1" x14ac:dyDescent="0.15">
      <c r="A5244" s="13"/>
      <c r="B5244" s="14"/>
      <c r="C5244" s="13"/>
      <c r="D5244" s="14"/>
      <c r="E5244" s="14"/>
      <c r="F5244" s="16"/>
      <c r="G5244" s="19"/>
      <c r="H5244" s="19"/>
      <c r="I5244" s="19"/>
      <c r="J5244" s="19"/>
      <c r="K5244" s="19"/>
      <c r="L5244" s="19"/>
    </row>
    <row r="5245" spans="1:12" s="20" customFormat="1" ht="27" customHeight="1" x14ac:dyDescent="0.15">
      <c r="A5245" s="13"/>
      <c r="B5245" s="14"/>
      <c r="C5245" s="13"/>
      <c r="D5245" s="14"/>
      <c r="E5245" s="14"/>
      <c r="F5245" s="16"/>
      <c r="G5245" s="19"/>
      <c r="H5245" s="19"/>
      <c r="I5245" s="19"/>
      <c r="J5245" s="19"/>
      <c r="K5245" s="19"/>
      <c r="L5245" s="19"/>
    </row>
    <row r="5246" spans="1:12" s="20" customFormat="1" ht="27" customHeight="1" x14ac:dyDescent="0.15">
      <c r="A5246" s="13"/>
      <c r="B5246" s="14"/>
      <c r="C5246" s="13"/>
      <c r="D5246" s="14"/>
      <c r="E5246" s="14"/>
      <c r="F5246" s="16"/>
      <c r="G5246" s="19"/>
      <c r="H5246" s="19"/>
      <c r="I5246" s="19"/>
      <c r="J5246" s="19"/>
      <c r="K5246" s="19"/>
      <c r="L5246" s="19"/>
    </row>
    <row r="5247" spans="1:12" s="20" customFormat="1" ht="27" customHeight="1" x14ac:dyDescent="0.15">
      <c r="A5247" s="13"/>
      <c r="B5247" s="14"/>
      <c r="C5247" s="13"/>
      <c r="D5247" s="14"/>
      <c r="E5247" s="14"/>
      <c r="F5247" s="16"/>
      <c r="G5247" s="19"/>
      <c r="H5247" s="19"/>
      <c r="I5247" s="19"/>
      <c r="J5247" s="19"/>
      <c r="K5247" s="19"/>
      <c r="L5247" s="19"/>
    </row>
    <row r="5248" spans="1:12" s="20" customFormat="1" ht="27" customHeight="1" x14ac:dyDescent="0.15">
      <c r="A5248" s="13"/>
      <c r="B5248" s="14"/>
      <c r="C5248" s="13"/>
      <c r="D5248" s="14"/>
      <c r="E5248" s="14"/>
      <c r="F5248" s="16"/>
      <c r="G5248" s="19"/>
      <c r="H5248" s="19"/>
      <c r="I5248" s="19"/>
      <c r="J5248" s="19"/>
      <c r="K5248" s="19"/>
      <c r="L5248" s="19"/>
    </row>
    <row r="5249" spans="1:12" s="20" customFormat="1" ht="27" customHeight="1" x14ac:dyDescent="0.15">
      <c r="A5249" s="13"/>
      <c r="B5249" s="14"/>
      <c r="C5249" s="13"/>
      <c r="D5249" s="14"/>
      <c r="E5249" s="14"/>
      <c r="F5249" s="16"/>
      <c r="G5249" s="19"/>
      <c r="H5249" s="19"/>
      <c r="I5249" s="19"/>
      <c r="J5249" s="19"/>
      <c r="K5249" s="19"/>
      <c r="L5249" s="19"/>
    </row>
    <row r="5250" spans="1:12" s="20" customFormat="1" ht="27" customHeight="1" x14ac:dyDescent="0.15">
      <c r="A5250" s="13"/>
      <c r="B5250" s="14"/>
      <c r="C5250" s="13"/>
      <c r="D5250" s="14"/>
      <c r="E5250" s="14"/>
      <c r="F5250" s="16"/>
      <c r="G5250" s="19"/>
      <c r="H5250" s="19"/>
      <c r="I5250" s="19"/>
      <c r="J5250" s="19"/>
      <c r="K5250" s="19"/>
      <c r="L5250" s="19"/>
    </row>
    <row r="5251" spans="1:12" s="20" customFormat="1" ht="27" customHeight="1" x14ac:dyDescent="0.15">
      <c r="A5251" s="13"/>
      <c r="B5251" s="14"/>
      <c r="C5251" s="13"/>
      <c r="D5251" s="14"/>
      <c r="E5251" s="14"/>
      <c r="F5251" s="16"/>
      <c r="G5251" s="19"/>
      <c r="H5251" s="19"/>
      <c r="I5251" s="19"/>
      <c r="J5251" s="19"/>
      <c r="K5251" s="19"/>
      <c r="L5251" s="19"/>
    </row>
    <row r="5252" spans="1:12" s="20" customFormat="1" ht="27" customHeight="1" x14ac:dyDescent="0.15">
      <c r="A5252" s="13"/>
      <c r="B5252" s="14"/>
      <c r="C5252" s="13"/>
      <c r="D5252" s="14"/>
      <c r="E5252" s="14"/>
      <c r="F5252" s="16"/>
      <c r="G5252" s="19"/>
      <c r="H5252" s="19"/>
      <c r="I5252" s="19"/>
      <c r="J5252" s="19"/>
      <c r="K5252" s="19"/>
      <c r="L5252" s="19"/>
    </row>
    <row r="5253" spans="1:12" s="20" customFormat="1" ht="27" customHeight="1" x14ac:dyDescent="0.15">
      <c r="A5253" s="13"/>
      <c r="B5253" s="14"/>
      <c r="C5253" s="13"/>
      <c r="D5253" s="14"/>
      <c r="E5253" s="14"/>
      <c r="F5253" s="16"/>
      <c r="G5253" s="19"/>
      <c r="H5253" s="19"/>
      <c r="I5253" s="19"/>
      <c r="J5253" s="19"/>
      <c r="K5253" s="19"/>
      <c r="L5253" s="19"/>
    </row>
    <row r="5254" spans="1:12" s="20" customFormat="1" ht="27" customHeight="1" x14ac:dyDescent="0.15">
      <c r="A5254" s="13"/>
      <c r="B5254" s="14"/>
      <c r="C5254" s="13"/>
      <c r="D5254" s="14"/>
      <c r="E5254" s="14"/>
      <c r="F5254" s="16"/>
      <c r="G5254" s="19"/>
      <c r="H5254" s="19"/>
      <c r="I5254" s="19"/>
      <c r="J5254" s="19"/>
      <c r="K5254" s="19"/>
      <c r="L5254" s="19"/>
    </row>
    <row r="5255" spans="1:12" s="20" customFormat="1" ht="27" customHeight="1" x14ac:dyDescent="0.15">
      <c r="A5255" s="13"/>
      <c r="B5255" s="14"/>
      <c r="C5255" s="13"/>
      <c r="D5255" s="14"/>
      <c r="E5255" s="14"/>
      <c r="F5255" s="16"/>
      <c r="G5255" s="19"/>
      <c r="H5255" s="19"/>
      <c r="I5255" s="19"/>
      <c r="J5255" s="19"/>
      <c r="K5255" s="19"/>
      <c r="L5255" s="19"/>
    </row>
    <row r="5256" spans="1:12" s="20" customFormat="1" ht="27" customHeight="1" x14ac:dyDescent="0.15">
      <c r="A5256" s="13"/>
      <c r="B5256" s="14"/>
      <c r="C5256" s="13"/>
      <c r="D5256" s="14"/>
      <c r="E5256" s="14"/>
      <c r="F5256" s="16"/>
      <c r="G5256" s="19"/>
      <c r="H5256" s="19"/>
      <c r="I5256" s="19"/>
      <c r="J5256" s="19"/>
      <c r="K5256" s="19"/>
      <c r="L5256" s="19"/>
    </row>
    <row r="5257" spans="1:12" s="20" customFormat="1" ht="27" customHeight="1" x14ac:dyDescent="0.15">
      <c r="A5257" s="13"/>
      <c r="B5257" s="14"/>
      <c r="C5257" s="13"/>
      <c r="D5257" s="14"/>
      <c r="E5257" s="14"/>
      <c r="F5257" s="16"/>
      <c r="G5257" s="19"/>
      <c r="H5257" s="19"/>
      <c r="I5257" s="19"/>
      <c r="J5257" s="19"/>
      <c r="K5257" s="19"/>
      <c r="L5257" s="19"/>
    </row>
    <row r="5258" spans="1:12" s="20" customFormat="1" ht="27" customHeight="1" x14ac:dyDescent="0.15">
      <c r="A5258" s="13"/>
      <c r="B5258" s="14"/>
      <c r="C5258" s="13"/>
      <c r="D5258" s="14"/>
      <c r="E5258" s="14"/>
      <c r="F5258" s="16"/>
      <c r="G5258" s="19"/>
      <c r="H5258" s="19"/>
      <c r="I5258" s="19"/>
      <c r="J5258" s="19"/>
      <c r="K5258" s="19"/>
      <c r="L5258" s="19"/>
    </row>
    <row r="5259" spans="1:12" s="20" customFormat="1" ht="27" customHeight="1" x14ac:dyDescent="0.15">
      <c r="A5259" s="13"/>
      <c r="B5259" s="14"/>
      <c r="C5259" s="13"/>
      <c r="D5259" s="14"/>
      <c r="E5259" s="14"/>
      <c r="F5259" s="16"/>
      <c r="G5259" s="19"/>
      <c r="H5259" s="19"/>
      <c r="I5259" s="19"/>
      <c r="J5259" s="19"/>
      <c r="K5259" s="19"/>
      <c r="L5259" s="19"/>
    </row>
    <row r="5260" spans="1:12" s="20" customFormat="1" ht="27" customHeight="1" x14ac:dyDescent="0.15">
      <c r="A5260" s="13"/>
      <c r="B5260" s="14"/>
      <c r="C5260" s="13"/>
      <c r="D5260" s="14"/>
      <c r="E5260" s="14"/>
      <c r="F5260" s="16"/>
      <c r="G5260" s="19"/>
      <c r="H5260" s="19"/>
      <c r="I5260" s="19"/>
      <c r="J5260" s="19"/>
      <c r="K5260" s="19"/>
      <c r="L5260" s="19"/>
    </row>
    <row r="5261" spans="1:12" s="20" customFormat="1" ht="27" customHeight="1" x14ac:dyDescent="0.15">
      <c r="A5261" s="13"/>
      <c r="B5261" s="14"/>
      <c r="C5261" s="13"/>
      <c r="D5261" s="14"/>
      <c r="E5261" s="14"/>
      <c r="F5261" s="16"/>
      <c r="G5261" s="19"/>
      <c r="H5261" s="19"/>
      <c r="I5261" s="19"/>
      <c r="J5261" s="19"/>
      <c r="K5261" s="19"/>
      <c r="L5261" s="19"/>
    </row>
    <row r="5262" spans="1:12" s="20" customFormat="1" ht="27" customHeight="1" x14ac:dyDescent="0.15">
      <c r="A5262" s="13"/>
      <c r="B5262" s="14"/>
      <c r="C5262" s="13"/>
      <c r="D5262" s="14"/>
      <c r="E5262" s="14"/>
      <c r="F5262" s="16"/>
      <c r="G5262" s="19"/>
      <c r="H5262" s="19"/>
      <c r="I5262" s="19"/>
      <c r="J5262" s="19"/>
      <c r="K5262" s="19"/>
      <c r="L5262" s="19"/>
    </row>
    <row r="5263" spans="1:12" s="20" customFormat="1" ht="27" customHeight="1" x14ac:dyDescent="0.15">
      <c r="A5263" s="13"/>
      <c r="B5263" s="14"/>
      <c r="C5263" s="13"/>
      <c r="D5263" s="14"/>
      <c r="E5263" s="14"/>
      <c r="F5263" s="16"/>
      <c r="G5263" s="19"/>
      <c r="H5263" s="19"/>
      <c r="I5263" s="19"/>
      <c r="J5263" s="19"/>
      <c r="K5263" s="19"/>
      <c r="L5263" s="19"/>
    </row>
    <row r="5264" spans="1:12" s="20" customFormat="1" ht="27" customHeight="1" x14ac:dyDescent="0.15">
      <c r="A5264" s="13"/>
      <c r="B5264" s="14"/>
      <c r="C5264" s="13"/>
      <c r="D5264" s="14"/>
      <c r="E5264" s="14"/>
      <c r="F5264" s="16"/>
      <c r="G5264" s="19"/>
      <c r="H5264" s="19"/>
      <c r="I5264" s="19"/>
      <c r="J5264" s="19"/>
      <c r="K5264" s="19"/>
      <c r="L5264" s="19"/>
    </row>
    <row r="5265" spans="1:12" s="20" customFormat="1" ht="27" customHeight="1" x14ac:dyDescent="0.15">
      <c r="A5265" s="13"/>
      <c r="B5265" s="14"/>
      <c r="C5265" s="13"/>
      <c r="D5265" s="14"/>
      <c r="E5265" s="14"/>
      <c r="F5265" s="16"/>
      <c r="G5265" s="19"/>
      <c r="H5265" s="19"/>
      <c r="I5265" s="19"/>
      <c r="J5265" s="19"/>
      <c r="K5265" s="19"/>
      <c r="L5265" s="19"/>
    </row>
    <row r="5266" spans="1:12" s="20" customFormat="1" ht="27" customHeight="1" x14ac:dyDescent="0.15">
      <c r="A5266" s="13"/>
      <c r="B5266" s="14"/>
      <c r="C5266" s="13"/>
      <c r="D5266" s="14"/>
      <c r="E5266" s="14"/>
      <c r="F5266" s="16"/>
      <c r="G5266" s="19"/>
      <c r="H5266" s="19"/>
      <c r="I5266" s="19"/>
      <c r="J5266" s="19"/>
      <c r="K5266" s="19"/>
      <c r="L5266" s="19"/>
    </row>
    <row r="5267" spans="1:12" s="20" customFormat="1" ht="27" customHeight="1" x14ac:dyDescent="0.15">
      <c r="A5267" s="13"/>
      <c r="B5267" s="14"/>
      <c r="C5267" s="13"/>
      <c r="D5267" s="14"/>
      <c r="E5267" s="14"/>
      <c r="F5267" s="16"/>
      <c r="G5267" s="19"/>
      <c r="H5267" s="19"/>
      <c r="I5267" s="19"/>
      <c r="J5267" s="19"/>
      <c r="K5267" s="19"/>
      <c r="L5267" s="19"/>
    </row>
    <row r="5268" spans="1:12" s="20" customFormat="1" ht="27" customHeight="1" x14ac:dyDescent="0.15">
      <c r="A5268" s="13"/>
      <c r="B5268" s="14"/>
      <c r="C5268" s="13"/>
      <c r="D5268" s="14"/>
      <c r="E5268" s="14"/>
      <c r="F5268" s="16"/>
      <c r="G5268" s="19"/>
      <c r="H5268" s="19"/>
      <c r="I5268" s="19"/>
      <c r="J5268" s="19"/>
      <c r="K5268" s="19"/>
      <c r="L5268" s="19"/>
    </row>
    <row r="5269" spans="1:12" s="20" customFormat="1" ht="27" customHeight="1" x14ac:dyDescent="0.15">
      <c r="A5269" s="13"/>
      <c r="B5269" s="14"/>
      <c r="C5269" s="13"/>
      <c r="D5269" s="14"/>
      <c r="E5269" s="14"/>
      <c r="F5269" s="16"/>
      <c r="G5269" s="19"/>
      <c r="H5269" s="19"/>
      <c r="I5269" s="19"/>
      <c r="J5269" s="19"/>
      <c r="K5269" s="19"/>
      <c r="L5269" s="19"/>
    </row>
    <row r="5270" spans="1:12" s="20" customFormat="1" ht="27" customHeight="1" x14ac:dyDescent="0.15">
      <c r="A5270" s="13"/>
      <c r="B5270" s="14"/>
      <c r="C5270" s="13"/>
      <c r="D5270" s="14"/>
      <c r="E5270" s="14"/>
      <c r="F5270" s="16"/>
      <c r="G5270" s="19"/>
      <c r="H5270" s="19"/>
      <c r="I5270" s="19"/>
      <c r="J5270" s="19"/>
      <c r="K5270" s="19"/>
      <c r="L5270" s="19"/>
    </row>
    <row r="5271" spans="1:12" s="20" customFormat="1" ht="27" customHeight="1" x14ac:dyDescent="0.15">
      <c r="A5271" s="13"/>
      <c r="B5271" s="14"/>
      <c r="C5271" s="13"/>
      <c r="D5271" s="14"/>
      <c r="E5271" s="14"/>
      <c r="F5271" s="16"/>
      <c r="G5271" s="19"/>
      <c r="H5271" s="19"/>
      <c r="I5271" s="19"/>
      <c r="J5271" s="19"/>
      <c r="K5271" s="19"/>
      <c r="L5271" s="19"/>
    </row>
    <row r="5272" spans="1:12" s="20" customFormat="1" ht="27" customHeight="1" x14ac:dyDescent="0.15">
      <c r="A5272" s="13"/>
      <c r="B5272" s="14"/>
      <c r="C5272" s="13"/>
      <c r="D5272" s="14"/>
      <c r="E5272" s="14"/>
      <c r="F5272" s="16"/>
      <c r="G5272" s="19"/>
      <c r="H5272" s="19"/>
      <c r="I5272" s="19"/>
      <c r="J5272" s="19"/>
      <c r="K5272" s="19"/>
      <c r="L5272" s="19"/>
    </row>
    <row r="5273" spans="1:12" s="20" customFormat="1" ht="27" customHeight="1" x14ac:dyDescent="0.15">
      <c r="A5273" s="13"/>
      <c r="B5273" s="14"/>
      <c r="C5273" s="13"/>
      <c r="D5273" s="14"/>
      <c r="E5273" s="14"/>
      <c r="F5273" s="16"/>
      <c r="G5273" s="19"/>
      <c r="H5273" s="19"/>
      <c r="I5273" s="19"/>
      <c r="J5273" s="19"/>
      <c r="K5273" s="19"/>
      <c r="L5273" s="19"/>
    </row>
    <row r="5274" spans="1:12" s="20" customFormat="1" ht="27" customHeight="1" x14ac:dyDescent="0.15">
      <c r="A5274" s="13"/>
      <c r="B5274" s="14"/>
      <c r="C5274" s="13"/>
      <c r="D5274" s="14"/>
      <c r="E5274" s="14"/>
      <c r="F5274" s="16"/>
      <c r="G5274" s="19"/>
      <c r="H5274" s="19"/>
      <c r="I5274" s="19"/>
      <c r="J5274" s="19"/>
      <c r="K5274" s="19"/>
      <c r="L5274" s="19"/>
    </row>
    <row r="5275" spans="1:12" s="20" customFormat="1" ht="27" customHeight="1" x14ac:dyDescent="0.15">
      <c r="A5275" s="13"/>
      <c r="B5275" s="14"/>
      <c r="C5275" s="13"/>
      <c r="D5275" s="14"/>
      <c r="E5275" s="14"/>
      <c r="F5275" s="16"/>
      <c r="G5275" s="19"/>
      <c r="H5275" s="19"/>
      <c r="I5275" s="19"/>
      <c r="J5275" s="19"/>
      <c r="K5275" s="19"/>
      <c r="L5275" s="19"/>
    </row>
    <row r="5276" spans="1:12" s="20" customFormat="1" ht="27" customHeight="1" x14ac:dyDescent="0.15">
      <c r="A5276" s="13"/>
      <c r="B5276" s="14"/>
      <c r="C5276" s="13"/>
      <c r="D5276" s="14"/>
      <c r="E5276" s="14"/>
      <c r="F5276" s="16"/>
      <c r="G5276" s="19"/>
      <c r="H5276" s="19"/>
      <c r="I5276" s="19"/>
      <c r="J5276" s="19"/>
      <c r="K5276" s="19"/>
      <c r="L5276" s="19"/>
    </row>
    <row r="5277" spans="1:12" s="20" customFormat="1" ht="27" customHeight="1" x14ac:dyDescent="0.15">
      <c r="A5277" s="13"/>
      <c r="B5277" s="14"/>
      <c r="C5277" s="13"/>
      <c r="D5277" s="14"/>
      <c r="E5277" s="14"/>
      <c r="F5277" s="16"/>
      <c r="G5277" s="19"/>
      <c r="H5277" s="19"/>
      <c r="I5277" s="19"/>
      <c r="J5277" s="19"/>
      <c r="K5277" s="19"/>
      <c r="L5277" s="19"/>
    </row>
    <row r="5278" spans="1:12" s="20" customFormat="1" ht="27" customHeight="1" x14ac:dyDescent="0.15">
      <c r="A5278" s="13"/>
      <c r="B5278" s="14"/>
      <c r="C5278" s="13"/>
      <c r="D5278" s="14"/>
      <c r="E5278" s="14"/>
      <c r="F5278" s="16"/>
      <c r="G5278" s="19"/>
      <c r="H5278" s="19"/>
      <c r="I5278" s="19"/>
      <c r="J5278" s="19"/>
      <c r="K5278" s="19"/>
      <c r="L5278" s="19"/>
    </row>
    <row r="5279" spans="1:12" s="20" customFormat="1" ht="27" customHeight="1" x14ac:dyDescent="0.15">
      <c r="A5279" s="13"/>
      <c r="B5279" s="14"/>
      <c r="C5279" s="13"/>
      <c r="D5279" s="14"/>
      <c r="E5279" s="14"/>
      <c r="F5279" s="16"/>
      <c r="G5279" s="19"/>
      <c r="H5279" s="19"/>
      <c r="I5279" s="19"/>
      <c r="J5279" s="19"/>
      <c r="K5279" s="19"/>
      <c r="L5279" s="19"/>
    </row>
    <row r="5280" spans="1:12" s="20" customFormat="1" ht="27" customHeight="1" x14ac:dyDescent="0.15">
      <c r="A5280" s="13"/>
      <c r="B5280" s="14"/>
      <c r="C5280" s="13"/>
      <c r="D5280" s="14"/>
      <c r="E5280" s="14"/>
      <c r="F5280" s="16"/>
      <c r="G5280" s="19"/>
      <c r="H5280" s="19"/>
      <c r="I5280" s="19"/>
      <c r="J5280" s="19"/>
      <c r="K5280" s="19"/>
      <c r="L5280" s="19"/>
    </row>
    <row r="5281" spans="1:12" s="20" customFormat="1" ht="27" customHeight="1" x14ac:dyDescent="0.15">
      <c r="A5281" s="13"/>
      <c r="B5281" s="14"/>
      <c r="C5281" s="13"/>
      <c r="D5281" s="14"/>
      <c r="E5281" s="14"/>
      <c r="F5281" s="16"/>
      <c r="G5281" s="19"/>
      <c r="H5281" s="19"/>
      <c r="I5281" s="19"/>
      <c r="J5281" s="19"/>
      <c r="K5281" s="19"/>
      <c r="L5281" s="19"/>
    </row>
    <row r="5282" spans="1:12" s="20" customFormat="1" ht="27" customHeight="1" x14ac:dyDescent="0.15">
      <c r="A5282" s="13"/>
      <c r="B5282" s="14"/>
      <c r="C5282" s="13"/>
      <c r="D5282" s="14"/>
      <c r="E5282" s="14"/>
      <c r="F5282" s="16"/>
      <c r="G5282" s="19"/>
      <c r="H5282" s="19"/>
      <c r="I5282" s="19"/>
      <c r="J5282" s="19"/>
      <c r="K5282" s="19"/>
      <c r="L5282" s="19"/>
    </row>
    <row r="5283" spans="1:12" s="20" customFormat="1" ht="27" customHeight="1" x14ac:dyDescent="0.15">
      <c r="A5283" s="13"/>
      <c r="B5283" s="14"/>
      <c r="C5283" s="13"/>
      <c r="D5283" s="14"/>
      <c r="E5283" s="14"/>
      <c r="F5283" s="16"/>
      <c r="G5283" s="19"/>
      <c r="H5283" s="19"/>
      <c r="I5283" s="19"/>
      <c r="J5283" s="19"/>
      <c r="K5283" s="19"/>
      <c r="L5283" s="19"/>
    </row>
    <row r="5284" spans="1:12" s="20" customFormat="1" ht="27" customHeight="1" x14ac:dyDescent="0.15">
      <c r="A5284" s="13"/>
      <c r="B5284" s="14"/>
      <c r="C5284" s="13"/>
      <c r="D5284" s="14"/>
      <c r="E5284" s="14"/>
      <c r="F5284" s="16"/>
      <c r="G5284" s="19"/>
      <c r="H5284" s="19"/>
      <c r="I5284" s="19"/>
      <c r="J5284" s="19"/>
      <c r="K5284" s="19"/>
      <c r="L5284" s="19"/>
    </row>
    <row r="5285" spans="1:12" s="20" customFormat="1" ht="27" customHeight="1" x14ac:dyDescent="0.15">
      <c r="A5285" s="13"/>
      <c r="B5285" s="14"/>
      <c r="C5285" s="13"/>
      <c r="D5285" s="14"/>
      <c r="E5285" s="14"/>
      <c r="F5285" s="16"/>
      <c r="G5285" s="19"/>
      <c r="H5285" s="19"/>
      <c r="I5285" s="19"/>
      <c r="J5285" s="19"/>
      <c r="K5285" s="19"/>
      <c r="L5285" s="19"/>
    </row>
    <row r="5286" spans="1:12" s="20" customFormat="1" ht="27" customHeight="1" x14ac:dyDescent="0.15">
      <c r="A5286" s="13"/>
      <c r="B5286" s="14"/>
      <c r="C5286" s="13"/>
      <c r="D5286" s="14"/>
      <c r="E5286" s="14"/>
      <c r="F5286" s="16"/>
      <c r="G5286" s="19"/>
      <c r="H5286" s="19"/>
      <c r="I5286" s="19"/>
      <c r="J5286" s="19"/>
      <c r="K5286" s="19"/>
      <c r="L5286" s="19"/>
    </row>
    <row r="5287" spans="1:12" s="20" customFormat="1" ht="27" customHeight="1" x14ac:dyDescent="0.15">
      <c r="A5287" s="13"/>
      <c r="B5287" s="14"/>
      <c r="C5287" s="13"/>
      <c r="D5287" s="14"/>
      <c r="E5287" s="14"/>
      <c r="F5287" s="16"/>
      <c r="G5287" s="19"/>
      <c r="H5287" s="19"/>
      <c r="I5287" s="19"/>
      <c r="J5287" s="19"/>
      <c r="K5287" s="19"/>
      <c r="L5287" s="19"/>
    </row>
    <row r="5288" spans="1:12" s="20" customFormat="1" ht="27" customHeight="1" x14ac:dyDescent="0.15">
      <c r="A5288" s="13"/>
      <c r="B5288" s="14"/>
      <c r="C5288" s="13"/>
      <c r="D5288" s="14"/>
      <c r="E5288" s="14"/>
      <c r="F5288" s="16"/>
      <c r="G5288" s="19"/>
      <c r="H5288" s="19"/>
      <c r="I5288" s="19"/>
      <c r="J5288" s="19"/>
      <c r="K5288" s="19"/>
      <c r="L5288" s="19"/>
    </row>
    <row r="5289" spans="1:12" s="20" customFormat="1" ht="27" customHeight="1" x14ac:dyDescent="0.15">
      <c r="A5289" s="13"/>
      <c r="B5289" s="14"/>
      <c r="C5289" s="13"/>
      <c r="D5289" s="14"/>
      <c r="E5289" s="14"/>
      <c r="F5289" s="16"/>
      <c r="G5289" s="19"/>
      <c r="H5289" s="19"/>
      <c r="I5289" s="19"/>
      <c r="J5289" s="19"/>
      <c r="K5289" s="19"/>
      <c r="L5289" s="19"/>
    </row>
    <row r="5290" spans="1:12" s="20" customFormat="1" ht="27" customHeight="1" x14ac:dyDescent="0.15">
      <c r="A5290" s="13"/>
      <c r="B5290" s="14"/>
      <c r="C5290" s="13"/>
      <c r="D5290" s="14"/>
      <c r="E5290" s="14"/>
      <c r="F5290" s="16"/>
      <c r="G5290" s="19"/>
      <c r="H5290" s="19"/>
      <c r="I5290" s="19"/>
      <c r="J5290" s="19"/>
      <c r="K5290" s="19"/>
      <c r="L5290" s="19"/>
    </row>
    <row r="5291" spans="1:12" s="20" customFormat="1" ht="27" customHeight="1" x14ac:dyDescent="0.15">
      <c r="A5291" s="13"/>
      <c r="B5291" s="14"/>
      <c r="C5291" s="13"/>
      <c r="D5291" s="14"/>
      <c r="E5291" s="14"/>
      <c r="F5291" s="16"/>
      <c r="G5291" s="19"/>
      <c r="H5291" s="19"/>
      <c r="I5291" s="19"/>
      <c r="J5291" s="19"/>
      <c r="K5291" s="19"/>
      <c r="L5291" s="19"/>
    </row>
    <row r="5292" spans="1:12" s="20" customFormat="1" ht="27" customHeight="1" x14ac:dyDescent="0.15">
      <c r="A5292" s="13"/>
      <c r="B5292" s="14"/>
      <c r="C5292" s="13"/>
      <c r="D5292" s="14"/>
      <c r="E5292" s="14"/>
      <c r="F5292" s="16"/>
      <c r="G5292" s="19"/>
      <c r="H5292" s="19"/>
      <c r="I5292" s="19"/>
      <c r="J5292" s="19"/>
      <c r="K5292" s="19"/>
      <c r="L5292" s="19"/>
    </row>
    <row r="5293" spans="1:12" s="20" customFormat="1" ht="27" customHeight="1" x14ac:dyDescent="0.15">
      <c r="A5293" s="13"/>
      <c r="B5293" s="14"/>
      <c r="C5293" s="13"/>
      <c r="D5293" s="14"/>
      <c r="E5293" s="14"/>
      <c r="F5293" s="16"/>
      <c r="G5293" s="19"/>
      <c r="H5293" s="19"/>
      <c r="I5293" s="19"/>
      <c r="J5293" s="19"/>
      <c r="K5293" s="19"/>
      <c r="L5293" s="19"/>
    </row>
    <row r="5294" spans="1:12" s="20" customFormat="1" ht="27" customHeight="1" x14ac:dyDescent="0.15">
      <c r="A5294" s="13"/>
      <c r="B5294" s="14"/>
      <c r="C5294" s="13"/>
      <c r="D5294" s="14"/>
      <c r="E5294" s="14"/>
      <c r="F5294" s="16"/>
      <c r="G5294" s="19"/>
      <c r="H5294" s="19"/>
      <c r="I5294" s="19"/>
      <c r="J5294" s="19"/>
      <c r="K5294" s="19"/>
      <c r="L5294" s="19"/>
    </row>
    <row r="5295" spans="1:12" s="20" customFormat="1" ht="27" customHeight="1" x14ac:dyDescent="0.15">
      <c r="A5295" s="13"/>
      <c r="B5295" s="14"/>
      <c r="C5295" s="13"/>
      <c r="D5295" s="14"/>
      <c r="E5295" s="14"/>
      <c r="F5295" s="16"/>
      <c r="G5295" s="19"/>
      <c r="H5295" s="19"/>
      <c r="I5295" s="19"/>
      <c r="J5295" s="19"/>
      <c r="K5295" s="19"/>
      <c r="L5295" s="19"/>
    </row>
    <row r="5296" spans="1:12" s="20" customFormat="1" ht="27" customHeight="1" x14ac:dyDescent="0.15">
      <c r="A5296" s="13"/>
      <c r="B5296" s="14"/>
      <c r="C5296" s="13"/>
      <c r="D5296" s="14"/>
      <c r="E5296" s="14"/>
      <c r="F5296" s="16"/>
      <c r="G5296" s="19"/>
      <c r="H5296" s="19"/>
      <c r="I5296" s="19"/>
      <c r="J5296" s="19"/>
      <c r="K5296" s="19"/>
      <c r="L5296" s="19"/>
    </row>
    <row r="5297" spans="1:12" s="20" customFormat="1" ht="27" customHeight="1" x14ac:dyDescent="0.15">
      <c r="A5297" s="13"/>
      <c r="B5297" s="14"/>
      <c r="C5297" s="13"/>
      <c r="D5297" s="14"/>
      <c r="E5297" s="14"/>
      <c r="F5297" s="16"/>
      <c r="G5297" s="19"/>
      <c r="H5297" s="19"/>
      <c r="I5297" s="19"/>
      <c r="J5297" s="19"/>
      <c r="K5297" s="19"/>
      <c r="L5297" s="19"/>
    </row>
    <row r="5298" spans="1:12" s="20" customFormat="1" ht="27" customHeight="1" x14ac:dyDescent="0.15">
      <c r="A5298" s="13"/>
      <c r="B5298" s="14"/>
      <c r="C5298" s="13"/>
      <c r="D5298" s="14"/>
      <c r="E5298" s="14"/>
      <c r="F5298" s="16"/>
      <c r="G5298" s="19"/>
      <c r="H5298" s="19"/>
      <c r="I5298" s="19"/>
      <c r="J5298" s="19"/>
      <c r="K5298" s="19"/>
      <c r="L5298" s="19"/>
    </row>
    <row r="5299" spans="1:12" s="20" customFormat="1" ht="27" customHeight="1" x14ac:dyDescent="0.15">
      <c r="A5299" s="13"/>
      <c r="B5299" s="14"/>
      <c r="C5299" s="13"/>
      <c r="D5299" s="14"/>
      <c r="E5299" s="14"/>
      <c r="F5299" s="16"/>
      <c r="G5299" s="19"/>
      <c r="H5299" s="19"/>
      <c r="I5299" s="19"/>
      <c r="J5299" s="19"/>
      <c r="K5299" s="19"/>
      <c r="L5299" s="19"/>
    </row>
    <row r="5300" spans="1:12" s="20" customFormat="1" ht="27" customHeight="1" x14ac:dyDescent="0.15">
      <c r="A5300" s="13"/>
      <c r="B5300" s="14"/>
      <c r="C5300" s="13"/>
      <c r="D5300" s="14"/>
      <c r="E5300" s="14"/>
      <c r="F5300" s="16"/>
      <c r="G5300" s="19"/>
      <c r="H5300" s="19"/>
      <c r="I5300" s="19"/>
      <c r="J5300" s="19"/>
      <c r="K5300" s="19"/>
      <c r="L5300" s="19"/>
    </row>
    <row r="5301" spans="1:12" s="20" customFormat="1" ht="27" customHeight="1" x14ac:dyDescent="0.15">
      <c r="A5301" s="13"/>
      <c r="B5301" s="14"/>
      <c r="C5301" s="13"/>
      <c r="D5301" s="14"/>
      <c r="E5301" s="14"/>
      <c r="F5301" s="16"/>
      <c r="G5301" s="19"/>
      <c r="H5301" s="19"/>
      <c r="I5301" s="19"/>
      <c r="J5301" s="19"/>
      <c r="K5301" s="19"/>
      <c r="L5301" s="19"/>
    </row>
    <row r="5302" spans="1:12" s="20" customFormat="1" ht="27" customHeight="1" x14ac:dyDescent="0.15">
      <c r="A5302" s="13"/>
      <c r="B5302" s="14"/>
      <c r="C5302" s="13"/>
      <c r="D5302" s="14"/>
      <c r="E5302" s="14"/>
      <c r="F5302" s="16"/>
      <c r="G5302" s="19"/>
      <c r="H5302" s="19"/>
      <c r="I5302" s="19"/>
      <c r="J5302" s="19"/>
      <c r="K5302" s="19"/>
      <c r="L5302" s="19"/>
    </row>
    <row r="5303" spans="1:12" s="20" customFormat="1" ht="27" customHeight="1" x14ac:dyDescent="0.15">
      <c r="A5303" s="13"/>
      <c r="B5303" s="14"/>
      <c r="C5303" s="13"/>
      <c r="D5303" s="14"/>
      <c r="E5303" s="14"/>
      <c r="F5303" s="16"/>
      <c r="G5303" s="19"/>
      <c r="H5303" s="19"/>
      <c r="I5303" s="19"/>
      <c r="J5303" s="19"/>
      <c r="K5303" s="19"/>
      <c r="L5303" s="19"/>
    </row>
    <row r="5304" spans="1:12" s="20" customFormat="1" ht="27" customHeight="1" x14ac:dyDescent="0.15">
      <c r="A5304" s="13"/>
      <c r="B5304" s="14"/>
      <c r="C5304" s="13"/>
      <c r="D5304" s="14"/>
      <c r="E5304" s="14"/>
      <c r="F5304" s="16"/>
      <c r="G5304" s="19"/>
      <c r="H5304" s="19"/>
      <c r="I5304" s="19"/>
      <c r="J5304" s="19"/>
      <c r="K5304" s="19"/>
      <c r="L5304" s="19"/>
    </row>
    <row r="5305" spans="1:12" s="20" customFormat="1" ht="27" customHeight="1" x14ac:dyDescent="0.15">
      <c r="A5305" s="13"/>
      <c r="B5305" s="14"/>
      <c r="C5305" s="13"/>
      <c r="D5305" s="14"/>
      <c r="E5305" s="14"/>
      <c r="F5305" s="16"/>
      <c r="G5305" s="19"/>
      <c r="H5305" s="19"/>
      <c r="I5305" s="19"/>
      <c r="J5305" s="19"/>
      <c r="K5305" s="19"/>
      <c r="L5305" s="19"/>
    </row>
    <row r="5306" spans="1:12" s="21" customFormat="1" ht="27" customHeight="1" x14ac:dyDescent="0.15">
      <c r="A5306" s="13"/>
      <c r="B5306" s="14"/>
      <c r="C5306" s="13"/>
      <c r="D5306" s="14"/>
      <c r="E5306" s="14"/>
      <c r="F5306" s="16"/>
      <c r="G5306" s="19"/>
      <c r="H5306" s="19"/>
      <c r="I5306" s="19"/>
      <c r="J5306" s="19"/>
      <c r="K5306" s="19"/>
      <c r="L5306" s="19"/>
    </row>
    <row r="5307" spans="1:12" s="22" customFormat="1" ht="27" customHeight="1" x14ac:dyDescent="0.15">
      <c r="A5307" s="13"/>
      <c r="B5307" s="14"/>
      <c r="C5307" s="13"/>
      <c r="D5307" s="14"/>
      <c r="E5307" s="14"/>
      <c r="F5307" s="16"/>
      <c r="G5307" s="3"/>
      <c r="H5307" s="3"/>
      <c r="I5307" s="3"/>
      <c r="J5307" s="3"/>
      <c r="K5307" s="3"/>
      <c r="L5307" s="3"/>
    </row>
    <row r="5308" spans="1:12" s="22" customFormat="1" ht="27" customHeight="1" x14ac:dyDescent="0.15">
      <c r="A5308" s="13"/>
      <c r="B5308" s="14"/>
      <c r="C5308" s="13"/>
      <c r="D5308" s="14"/>
      <c r="E5308" s="14"/>
      <c r="F5308" s="16"/>
      <c r="G5308" s="3"/>
      <c r="H5308" s="3"/>
      <c r="I5308" s="3"/>
      <c r="J5308" s="3"/>
      <c r="K5308" s="3"/>
      <c r="L5308" s="3"/>
    </row>
    <row r="5309" spans="1:12" s="22" customFormat="1" ht="27" customHeight="1" x14ac:dyDescent="0.15">
      <c r="A5309" s="13"/>
      <c r="B5309" s="14"/>
      <c r="C5309" s="13"/>
      <c r="D5309" s="14"/>
      <c r="E5309" s="14"/>
      <c r="F5309" s="16"/>
      <c r="G5309" s="3"/>
      <c r="H5309" s="3"/>
      <c r="I5309" s="3"/>
      <c r="J5309" s="3"/>
      <c r="K5309" s="3"/>
      <c r="L5309" s="3"/>
    </row>
    <row r="5310" spans="1:12" s="22" customFormat="1" ht="27" customHeight="1" x14ac:dyDescent="0.15">
      <c r="A5310" s="13"/>
      <c r="B5310" s="14"/>
      <c r="C5310" s="13"/>
      <c r="D5310" s="14"/>
      <c r="E5310" s="14"/>
      <c r="F5310" s="16"/>
      <c r="G5310" s="3"/>
      <c r="H5310" s="3"/>
      <c r="I5310" s="3"/>
      <c r="J5310" s="3"/>
      <c r="K5310" s="3"/>
      <c r="L5310" s="3"/>
    </row>
    <row r="5311" spans="1:12" s="22" customFormat="1" ht="27" customHeight="1" x14ac:dyDescent="0.15">
      <c r="A5311" s="13"/>
      <c r="B5311" s="14"/>
      <c r="C5311" s="13"/>
      <c r="D5311" s="14"/>
      <c r="E5311" s="14"/>
      <c r="F5311" s="16"/>
      <c r="G5311" s="3"/>
      <c r="H5311" s="3"/>
      <c r="I5311" s="3"/>
      <c r="J5311" s="3"/>
      <c r="K5311" s="3"/>
      <c r="L5311" s="3"/>
    </row>
    <row r="5312" spans="1:12" s="22" customFormat="1" ht="27" customHeight="1" x14ac:dyDescent="0.15">
      <c r="A5312" s="13"/>
      <c r="B5312" s="14"/>
      <c r="C5312" s="13"/>
      <c r="D5312" s="14"/>
      <c r="E5312" s="14"/>
      <c r="F5312" s="16"/>
      <c r="G5312" s="3"/>
      <c r="H5312" s="3"/>
      <c r="I5312" s="3"/>
      <c r="J5312" s="3"/>
      <c r="K5312" s="3"/>
      <c r="L5312" s="3"/>
    </row>
    <row r="5313" spans="1:12" s="22" customFormat="1" ht="27" customHeight="1" x14ac:dyDescent="0.15">
      <c r="A5313" s="13"/>
      <c r="B5313" s="14"/>
      <c r="C5313" s="13"/>
      <c r="D5313" s="14"/>
      <c r="E5313" s="14"/>
      <c r="F5313" s="16"/>
      <c r="G5313" s="3"/>
      <c r="H5313" s="3"/>
      <c r="I5313" s="3"/>
      <c r="J5313" s="3"/>
      <c r="K5313" s="3"/>
      <c r="L5313" s="3"/>
    </row>
    <row r="5314" spans="1:12" s="22" customFormat="1" ht="27" customHeight="1" x14ac:dyDescent="0.15">
      <c r="A5314" s="13"/>
      <c r="B5314" s="14"/>
      <c r="C5314" s="13"/>
      <c r="D5314" s="14"/>
      <c r="E5314" s="14"/>
      <c r="F5314" s="16"/>
      <c r="G5314" s="3"/>
      <c r="H5314" s="3"/>
      <c r="I5314" s="3"/>
      <c r="J5314" s="3"/>
      <c r="K5314" s="3"/>
      <c r="L5314" s="3"/>
    </row>
    <row r="5315" spans="1:12" s="22" customFormat="1" ht="27" customHeight="1" x14ac:dyDescent="0.15">
      <c r="A5315" s="13"/>
      <c r="B5315" s="14"/>
      <c r="C5315" s="13"/>
      <c r="D5315" s="14"/>
      <c r="E5315" s="14"/>
      <c r="F5315" s="16"/>
      <c r="G5315" s="3"/>
      <c r="H5315" s="3"/>
      <c r="I5315" s="3"/>
      <c r="J5315" s="3"/>
      <c r="K5315" s="3"/>
      <c r="L5315" s="3"/>
    </row>
    <row r="5316" spans="1:12" s="22" customFormat="1" ht="27" customHeight="1" x14ac:dyDescent="0.15">
      <c r="A5316" s="13"/>
      <c r="B5316" s="14"/>
      <c r="C5316" s="13"/>
      <c r="D5316" s="14"/>
      <c r="E5316" s="14"/>
      <c r="F5316" s="16"/>
      <c r="G5316" s="3"/>
      <c r="H5316" s="3"/>
      <c r="I5316" s="3"/>
      <c r="J5316" s="3"/>
      <c r="K5316" s="3"/>
      <c r="L5316" s="3"/>
    </row>
    <row r="5317" spans="1:12" s="22" customFormat="1" ht="27" customHeight="1" x14ac:dyDescent="0.15">
      <c r="A5317" s="13"/>
      <c r="B5317" s="14"/>
      <c r="C5317" s="13"/>
      <c r="D5317" s="14"/>
      <c r="E5317" s="14"/>
      <c r="F5317" s="16"/>
      <c r="G5317" s="3"/>
      <c r="H5317" s="3"/>
      <c r="I5317" s="3"/>
      <c r="J5317" s="3"/>
      <c r="K5317" s="3"/>
      <c r="L5317" s="3"/>
    </row>
    <row r="5318" spans="1:12" s="22" customFormat="1" ht="27" customHeight="1" x14ac:dyDescent="0.15">
      <c r="A5318" s="13"/>
      <c r="B5318" s="14"/>
      <c r="C5318" s="13"/>
      <c r="D5318" s="14"/>
      <c r="E5318" s="14"/>
      <c r="F5318" s="16"/>
      <c r="G5318" s="3"/>
      <c r="H5318" s="3"/>
      <c r="I5318" s="3"/>
      <c r="J5318" s="3"/>
      <c r="K5318" s="3"/>
      <c r="L5318" s="3"/>
    </row>
    <row r="5319" spans="1:12" s="22" customFormat="1" ht="27" customHeight="1" x14ac:dyDescent="0.15">
      <c r="A5319" s="13"/>
      <c r="B5319" s="14"/>
      <c r="C5319" s="13"/>
      <c r="D5319" s="14"/>
      <c r="E5319" s="14"/>
      <c r="F5319" s="16"/>
      <c r="G5319" s="3"/>
      <c r="H5319" s="3"/>
      <c r="I5319" s="3"/>
      <c r="J5319" s="3"/>
      <c r="K5319" s="3"/>
      <c r="L5319" s="3"/>
    </row>
    <row r="5320" spans="1:12" s="22" customFormat="1" ht="27" customHeight="1" x14ac:dyDescent="0.15">
      <c r="A5320" s="13"/>
      <c r="B5320" s="14"/>
      <c r="C5320" s="13"/>
      <c r="D5320" s="14"/>
      <c r="E5320" s="14"/>
      <c r="F5320" s="16"/>
      <c r="G5320" s="3"/>
      <c r="H5320" s="3"/>
      <c r="I5320" s="3"/>
      <c r="J5320" s="3"/>
      <c r="K5320" s="3"/>
      <c r="L5320" s="3"/>
    </row>
    <row r="5321" spans="1:12" s="22" customFormat="1" ht="27" customHeight="1" x14ac:dyDescent="0.15">
      <c r="A5321" s="13"/>
      <c r="B5321" s="14"/>
      <c r="C5321" s="13"/>
      <c r="D5321" s="14"/>
      <c r="E5321" s="14"/>
      <c r="F5321" s="16"/>
      <c r="G5321" s="3"/>
      <c r="H5321" s="3"/>
      <c r="I5321" s="3"/>
      <c r="J5321" s="3"/>
      <c r="K5321" s="3"/>
      <c r="L5321" s="3"/>
    </row>
    <row r="5322" spans="1:12" s="22" customFormat="1" ht="27" customHeight="1" x14ac:dyDescent="0.15">
      <c r="A5322" s="13"/>
      <c r="B5322" s="14"/>
      <c r="C5322" s="13"/>
      <c r="D5322" s="14"/>
      <c r="E5322" s="14"/>
      <c r="F5322" s="16"/>
      <c r="G5322" s="3"/>
      <c r="H5322" s="3"/>
      <c r="I5322" s="3"/>
      <c r="J5322" s="3"/>
      <c r="K5322" s="3"/>
      <c r="L5322" s="3"/>
    </row>
    <row r="5323" spans="1:12" s="22" customFormat="1" ht="27" customHeight="1" x14ac:dyDescent="0.15">
      <c r="A5323" s="13"/>
      <c r="B5323" s="14"/>
      <c r="C5323" s="13"/>
      <c r="D5323" s="14"/>
      <c r="E5323" s="14"/>
      <c r="F5323" s="16"/>
      <c r="G5323" s="3"/>
      <c r="H5323" s="3"/>
      <c r="I5323" s="3"/>
      <c r="J5323" s="3"/>
      <c r="K5323" s="3"/>
      <c r="L5323" s="3"/>
    </row>
    <row r="5324" spans="1:12" s="22" customFormat="1" ht="27" customHeight="1" x14ac:dyDescent="0.15">
      <c r="A5324" s="13"/>
      <c r="B5324" s="14"/>
      <c r="C5324" s="13"/>
      <c r="D5324" s="14"/>
      <c r="E5324" s="14"/>
      <c r="F5324" s="16"/>
      <c r="G5324" s="3"/>
      <c r="H5324" s="3"/>
      <c r="I5324" s="3"/>
      <c r="J5324" s="3"/>
      <c r="K5324" s="3"/>
      <c r="L5324" s="3"/>
    </row>
    <row r="5325" spans="1:12" s="22" customFormat="1" ht="27" customHeight="1" x14ac:dyDescent="0.15">
      <c r="A5325" s="13"/>
      <c r="B5325" s="14"/>
      <c r="C5325" s="13"/>
      <c r="D5325" s="14"/>
      <c r="E5325" s="14"/>
      <c r="F5325" s="16"/>
      <c r="G5325" s="3"/>
      <c r="H5325" s="3"/>
      <c r="I5325" s="3"/>
      <c r="J5325" s="3"/>
      <c r="K5325" s="3"/>
      <c r="L5325" s="3"/>
    </row>
    <row r="5326" spans="1:12" s="22" customFormat="1" ht="27" customHeight="1" x14ac:dyDescent="0.15">
      <c r="A5326" s="13"/>
      <c r="B5326" s="14"/>
      <c r="C5326" s="13"/>
      <c r="D5326" s="14"/>
      <c r="E5326" s="14"/>
      <c r="F5326" s="16"/>
      <c r="G5326" s="3"/>
      <c r="H5326" s="3"/>
      <c r="I5326" s="3"/>
      <c r="J5326" s="3"/>
      <c r="K5326" s="3"/>
      <c r="L5326" s="3"/>
    </row>
    <row r="5327" spans="1:12" s="22" customFormat="1" ht="27" customHeight="1" x14ac:dyDescent="0.15">
      <c r="A5327" s="13"/>
      <c r="B5327" s="14"/>
      <c r="C5327" s="13"/>
      <c r="D5327" s="14"/>
      <c r="E5327" s="14"/>
      <c r="F5327" s="16"/>
      <c r="G5327" s="3"/>
      <c r="H5327" s="3"/>
      <c r="I5327" s="3"/>
      <c r="J5327" s="3"/>
      <c r="K5327" s="3"/>
      <c r="L5327" s="3"/>
    </row>
    <row r="5328" spans="1:12" s="22" customFormat="1" ht="27" customHeight="1" x14ac:dyDescent="0.15">
      <c r="A5328" s="13"/>
      <c r="B5328" s="14"/>
      <c r="C5328" s="13"/>
      <c r="D5328" s="14"/>
      <c r="E5328" s="14"/>
      <c r="F5328" s="16"/>
      <c r="G5328" s="3"/>
      <c r="H5328" s="3"/>
      <c r="I5328" s="3"/>
      <c r="J5328" s="3"/>
      <c r="K5328" s="3"/>
      <c r="L5328" s="3"/>
    </row>
    <row r="5329" spans="1:12" s="22" customFormat="1" ht="27" customHeight="1" x14ac:dyDescent="0.15">
      <c r="A5329" s="13"/>
      <c r="B5329" s="14"/>
      <c r="C5329" s="13"/>
      <c r="D5329" s="14"/>
      <c r="E5329" s="14"/>
      <c r="F5329" s="16"/>
      <c r="G5329" s="3"/>
      <c r="H5329" s="3"/>
      <c r="I5329" s="3"/>
      <c r="J5329" s="3"/>
      <c r="K5329" s="3"/>
      <c r="L5329" s="3"/>
    </row>
    <row r="5330" spans="1:12" s="22" customFormat="1" ht="27" customHeight="1" x14ac:dyDescent="0.15">
      <c r="A5330" s="13"/>
      <c r="B5330" s="14"/>
      <c r="C5330" s="13"/>
      <c r="D5330" s="14"/>
      <c r="E5330" s="14"/>
      <c r="F5330" s="16"/>
      <c r="G5330" s="3"/>
      <c r="H5330" s="3"/>
      <c r="I5330" s="3"/>
      <c r="J5330" s="3"/>
      <c r="K5330" s="3"/>
      <c r="L5330" s="3"/>
    </row>
    <row r="5331" spans="1:12" s="22" customFormat="1" ht="27" customHeight="1" x14ac:dyDescent="0.15">
      <c r="A5331" s="13"/>
      <c r="B5331" s="14"/>
      <c r="C5331" s="13"/>
      <c r="D5331" s="14"/>
      <c r="E5331" s="14"/>
      <c r="F5331" s="16"/>
      <c r="G5331" s="3"/>
      <c r="H5331" s="3"/>
      <c r="I5331" s="3"/>
      <c r="J5331" s="3"/>
      <c r="K5331" s="3"/>
      <c r="L5331" s="3"/>
    </row>
    <row r="5332" spans="1:12" s="22" customFormat="1" ht="27" customHeight="1" x14ac:dyDescent="0.15">
      <c r="A5332" s="13"/>
      <c r="B5332" s="14"/>
      <c r="C5332" s="13"/>
      <c r="D5332" s="14"/>
      <c r="E5332" s="14"/>
      <c r="F5332" s="16"/>
      <c r="G5332" s="3"/>
      <c r="H5332" s="3"/>
      <c r="I5332" s="3"/>
      <c r="J5332" s="3"/>
      <c r="K5332" s="3"/>
      <c r="L5332" s="3"/>
    </row>
    <row r="5333" spans="1:12" s="22" customFormat="1" ht="27" customHeight="1" x14ac:dyDescent="0.15">
      <c r="A5333" s="13"/>
      <c r="B5333" s="14"/>
      <c r="C5333" s="13"/>
      <c r="D5333" s="14"/>
      <c r="E5333" s="14"/>
      <c r="F5333" s="16"/>
      <c r="G5333" s="3"/>
      <c r="H5333" s="3"/>
      <c r="I5333" s="3"/>
      <c r="J5333" s="3"/>
      <c r="K5333" s="3"/>
      <c r="L5333" s="3"/>
    </row>
    <row r="5334" spans="1:12" s="22" customFormat="1" ht="27" customHeight="1" x14ac:dyDescent="0.15">
      <c r="A5334" s="13"/>
      <c r="B5334" s="14"/>
      <c r="C5334" s="13"/>
      <c r="D5334" s="14"/>
      <c r="E5334" s="14"/>
      <c r="F5334" s="16"/>
      <c r="G5334" s="3"/>
      <c r="H5334" s="3"/>
      <c r="I5334" s="3"/>
      <c r="J5334" s="3"/>
      <c r="K5334" s="3"/>
      <c r="L5334" s="3"/>
    </row>
    <row r="5335" spans="1:12" s="22" customFormat="1" ht="27" customHeight="1" x14ac:dyDescent="0.15">
      <c r="A5335" s="13"/>
      <c r="B5335" s="14"/>
      <c r="C5335" s="13"/>
      <c r="D5335" s="14"/>
      <c r="E5335" s="14"/>
      <c r="F5335" s="16"/>
      <c r="G5335" s="3"/>
      <c r="H5335" s="3"/>
      <c r="I5335" s="3"/>
      <c r="J5335" s="3"/>
      <c r="K5335" s="3"/>
      <c r="L5335" s="3"/>
    </row>
    <row r="5336" spans="1:12" s="22" customFormat="1" ht="27" customHeight="1" x14ac:dyDescent="0.15">
      <c r="A5336" s="13"/>
      <c r="B5336" s="14"/>
      <c r="C5336" s="13"/>
      <c r="D5336" s="14"/>
      <c r="E5336" s="14"/>
      <c r="F5336" s="16"/>
      <c r="G5336" s="3"/>
      <c r="H5336" s="3"/>
      <c r="I5336" s="3"/>
      <c r="J5336" s="3"/>
      <c r="K5336" s="3"/>
      <c r="L5336" s="3"/>
    </row>
    <row r="5337" spans="1:12" s="22" customFormat="1" ht="27" customHeight="1" x14ac:dyDescent="0.15">
      <c r="A5337" s="13"/>
      <c r="B5337" s="14"/>
      <c r="C5337" s="13"/>
      <c r="D5337" s="14"/>
      <c r="E5337" s="14"/>
      <c r="F5337" s="16"/>
      <c r="G5337" s="3"/>
      <c r="H5337" s="3"/>
      <c r="I5337" s="3"/>
      <c r="J5337" s="3"/>
      <c r="K5337" s="3"/>
      <c r="L5337" s="3"/>
    </row>
    <row r="5338" spans="1:12" s="22" customFormat="1" ht="27" customHeight="1" x14ac:dyDescent="0.15">
      <c r="A5338" s="13"/>
      <c r="B5338" s="14"/>
      <c r="C5338" s="13"/>
      <c r="D5338" s="14"/>
      <c r="E5338" s="14"/>
      <c r="F5338" s="16"/>
      <c r="G5338" s="3"/>
      <c r="H5338" s="3"/>
      <c r="I5338" s="3"/>
      <c r="J5338" s="3"/>
      <c r="K5338" s="3"/>
      <c r="L5338" s="3"/>
    </row>
    <row r="5339" spans="1:12" s="22" customFormat="1" ht="27" customHeight="1" x14ac:dyDescent="0.15">
      <c r="A5339" s="13"/>
      <c r="B5339" s="14"/>
      <c r="C5339" s="13"/>
      <c r="D5339" s="14"/>
      <c r="E5339" s="14"/>
      <c r="F5339" s="16"/>
      <c r="G5339" s="3"/>
      <c r="H5339" s="3"/>
      <c r="I5339" s="3"/>
      <c r="J5339" s="3"/>
      <c r="K5339" s="3"/>
      <c r="L5339" s="3"/>
    </row>
    <row r="5340" spans="1:12" s="22" customFormat="1" ht="27" customHeight="1" x14ac:dyDescent="0.15">
      <c r="A5340" s="13"/>
      <c r="B5340" s="14"/>
      <c r="C5340" s="13"/>
      <c r="D5340" s="14"/>
      <c r="E5340" s="14"/>
      <c r="F5340" s="16"/>
      <c r="G5340" s="3"/>
      <c r="H5340" s="3"/>
      <c r="I5340" s="3"/>
      <c r="J5340" s="3"/>
      <c r="K5340" s="3"/>
      <c r="L5340" s="3"/>
    </row>
    <row r="5341" spans="1:12" s="22" customFormat="1" ht="27" customHeight="1" x14ac:dyDescent="0.15">
      <c r="A5341" s="13"/>
      <c r="B5341" s="14"/>
      <c r="C5341" s="13"/>
      <c r="D5341" s="14"/>
      <c r="E5341" s="14"/>
      <c r="F5341" s="16"/>
      <c r="G5341" s="3"/>
      <c r="H5341" s="3"/>
      <c r="I5341" s="3"/>
      <c r="J5341" s="3"/>
      <c r="K5341" s="3"/>
      <c r="L5341" s="3"/>
    </row>
    <row r="5342" spans="1:12" s="22" customFormat="1" ht="27" customHeight="1" x14ac:dyDescent="0.15">
      <c r="A5342" s="13"/>
      <c r="B5342" s="14"/>
      <c r="C5342" s="13"/>
      <c r="D5342" s="14"/>
      <c r="E5342" s="14"/>
      <c r="F5342" s="16"/>
      <c r="G5342" s="3"/>
      <c r="H5342" s="3"/>
      <c r="I5342" s="3"/>
      <c r="J5342" s="3"/>
      <c r="K5342" s="3"/>
      <c r="L5342" s="3"/>
    </row>
    <row r="5343" spans="1:12" s="22" customFormat="1" ht="27" customHeight="1" x14ac:dyDescent="0.15">
      <c r="A5343" s="13"/>
      <c r="B5343" s="14"/>
      <c r="C5343" s="13"/>
      <c r="D5343" s="14"/>
      <c r="E5343" s="14"/>
      <c r="F5343" s="16"/>
      <c r="G5343" s="3"/>
      <c r="H5343" s="3"/>
      <c r="I5343" s="3"/>
      <c r="J5343" s="3"/>
      <c r="K5343" s="3"/>
      <c r="L5343" s="3"/>
    </row>
    <row r="5344" spans="1:12" s="22" customFormat="1" ht="27" customHeight="1" x14ac:dyDescent="0.15">
      <c r="A5344" s="13"/>
      <c r="B5344" s="14"/>
      <c r="C5344" s="13"/>
      <c r="D5344" s="14"/>
      <c r="E5344" s="14"/>
      <c r="F5344" s="16"/>
      <c r="G5344" s="3"/>
      <c r="H5344" s="3"/>
      <c r="I5344" s="3"/>
      <c r="J5344" s="3"/>
      <c r="K5344" s="3"/>
      <c r="L5344" s="3"/>
    </row>
    <row r="5345" spans="1:12" s="22" customFormat="1" ht="27" customHeight="1" x14ac:dyDescent="0.15">
      <c r="A5345" s="13"/>
      <c r="B5345" s="14"/>
      <c r="C5345" s="13"/>
      <c r="D5345" s="14"/>
      <c r="E5345" s="14"/>
      <c r="F5345" s="16"/>
      <c r="G5345" s="3"/>
      <c r="H5345" s="3"/>
      <c r="I5345" s="3"/>
      <c r="J5345" s="3"/>
      <c r="K5345" s="3"/>
      <c r="L5345" s="3"/>
    </row>
    <row r="5346" spans="1:12" s="22" customFormat="1" ht="27" customHeight="1" x14ac:dyDescent="0.15">
      <c r="A5346" s="13"/>
      <c r="B5346" s="14"/>
      <c r="C5346" s="13"/>
      <c r="D5346" s="14"/>
      <c r="E5346" s="14"/>
      <c r="F5346" s="16"/>
      <c r="G5346" s="3"/>
      <c r="H5346" s="3"/>
      <c r="I5346" s="3"/>
      <c r="J5346" s="3"/>
      <c r="K5346" s="3"/>
      <c r="L5346" s="3"/>
    </row>
    <row r="5347" spans="1:12" s="22" customFormat="1" ht="27" customHeight="1" x14ac:dyDescent="0.15">
      <c r="A5347" s="13"/>
      <c r="B5347" s="14"/>
      <c r="C5347" s="13"/>
      <c r="D5347" s="14"/>
      <c r="E5347" s="14"/>
      <c r="F5347" s="16"/>
      <c r="G5347" s="3"/>
      <c r="H5347" s="3"/>
      <c r="I5347" s="3"/>
      <c r="J5347" s="3"/>
      <c r="K5347" s="3"/>
      <c r="L5347" s="3"/>
    </row>
    <row r="5348" spans="1:12" s="22" customFormat="1" ht="27" customHeight="1" x14ac:dyDescent="0.15">
      <c r="A5348" s="13"/>
      <c r="B5348" s="14"/>
      <c r="C5348" s="13"/>
      <c r="D5348" s="14"/>
      <c r="E5348" s="14"/>
      <c r="F5348" s="16"/>
      <c r="G5348" s="3"/>
      <c r="H5348" s="3"/>
      <c r="I5348" s="3"/>
      <c r="J5348" s="3"/>
      <c r="K5348" s="3"/>
      <c r="L5348" s="3"/>
    </row>
    <row r="5349" spans="1:12" s="22" customFormat="1" ht="27" customHeight="1" x14ac:dyDescent="0.15">
      <c r="A5349" s="13"/>
      <c r="B5349" s="14"/>
      <c r="C5349" s="13"/>
      <c r="D5349" s="14"/>
      <c r="E5349" s="14"/>
      <c r="F5349" s="16"/>
      <c r="G5349" s="3"/>
      <c r="H5349" s="3"/>
      <c r="I5349" s="3"/>
      <c r="J5349" s="3"/>
      <c r="K5349" s="3"/>
      <c r="L5349" s="3"/>
    </row>
    <row r="5350" spans="1:12" s="22" customFormat="1" ht="27" customHeight="1" x14ac:dyDescent="0.15">
      <c r="A5350" s="13"/>
      <c r="B5350" s="14"/>
      <c r="C5350" s="13"/>
      <c r="D5350" s="14"/>
      <c r="E5350" s="14"/>
      <c r="F5350" s="16"/>
      <c r="G5350" s="3"/>
      <c r="H5350" s="3"/>
      <c r="I5350" s="3"/>
      <c r="J5350" s="3"/>
      <c r="K5350" s="3"/>
      <c r="L5350" s="3"/>
    </row>
    <row r="5351" spans="1:12" s="22" customFormat="1" ht="27" customHeight="1" x14ac:dyDescent="0.15">
      <c r="A5351" s="13"/>
      <c r="B5351" s="14"/>
      <c r="C5351" s="13"/>
      <c r="D5351" s="14"/>
      <c r="E5351" s="14"/>
      <c r="F5351" s="16"/>
      <c r="G5351" s="3"/>
      <c r="H5351" s="3"/>
      <c r="I5351" s="3"/>
      <c r="J5351" s="3"/>
      <c r="K5351" s="3"/>
      <c r="L5351" s="3"/>
    </row>
    <row r="5352" spans="1:12" s="22" customFormat="1" ht="27" customHeight="1" x14ac:dyDescent="0.15">
      <c r="A5352" s="13"/>
      <c r="B5352" s="14"/>
      <c r="C5352" s="13"/>
      <c r="D5352" s="14"/>
      <c r="E5352" s="14"/>
      <c r="F5352" s="16"/>
      <c r="G5352" s="3"/>
      <c r="H5352" s="3"/>
      <c r="I5352" s="3"/>
      <c r="J5352" s="3"/>
      <c r="K5352" s="3"/>
      <c r="L5352" s="3"/>
    </row>
    <row r="5353" spans="1:12" s="22" customFormat="1" ht="27" customHeight="1" x14ac:dyDescent="0.15">
      <c r="A5353" s="13"/>
      <c r="B5353" s="14"/>
      <c r="C5353" s="13"/>
      <c r="D5353" s="14"/>
      <c r="E5353" s="14"/>
      <c r="F5353" s="16"/>
      <c r="G5353" s="3"/>
      <c r="H5353" s="3"/>
      <c r="I5353" s="3"/>
      <c r="J5353" s="3"/>
      <c r="K5353" s="3"/>
      <c r="L5353" s="3"/>
    </row>
    <row r="5354" spans="1:12" s="22" customFormat="1" ht="27" customHeight="1" x14ac:dyDescent="0.15">
      <c r="A5354" s="13"/>
      <c r="B5354" s="14"/>
      <c r="C5354" s="13"/>
      <c r="D5354" s="14"/>
      <c r="E5354" s="14"/>
      <c r="F5354" s="16"/>
      <c r="G5354" s="3"/>
      <c r="H5354" s="3"/>
      <c r="I5354" s="3"/>
      <c r="J5354" s="3"/>
      <c r="K5354" s="3"/>
      <c r="L5354" s="3"/>
    </row>
    <row r="5355" spans="1:12" s="22" customFormat="1" ht="27" customHeight="1" x14ac:dyDescent="0.15">
      <c r="A5355" s="13"/>
      <c r="B5355" s="14"/>
      <c r="C5355" s="13"/>
      <c r="D5355" s="14"/>
      <c r="E5355" s="14"/>
      <c r="F5355" s="16"/>
      <c r="G5355" s="3"/>
      <c r="H5355" s="3"/>
      <c r="I5355" s="3"/>
      <c r="J5355" s="3"/>
      <c r="K5355" s="3"/>
      <c r="L5355" s="3"/>
    </row>
    <row r="5356" spans="1:12" s="22" customFormat="1" ht="27" customHeight="1" x14ac:dyDescent="0.15">
      <c r="A5356" s="13"/>
      <c r="B5356" s="14"/>
      <c r="C5356" s="13"/>
      <c r="D5356" s="14"/>
      <c r="E5356" s="14"/>
      <c r="F5356" s="16"/>
      <c r="G5356" s="3"/>
      <c r="H5356" s="3"/>
      <c r="I5356" s="3"/>
      <c r="J5356" s="3"/>
      <c r="K5356" s="3"/>
      <c r="L5356" s="3"/>
    </row>
    <row r="5357" spans="1:12" s="22" customFormat="1" ht="27" customHeight="1" x14ac:dyDescent="0.15">
      <c r="A5357" s="13"/>
      <c r="B5357" s="14"/>
      <c r="C5357" s="13"/>
      <c r="D5357" s="14"/>
      <c r="E5357" s="14"/>
      <c r="F5357" s="16"/>
      <c r="G5357" s="3"/>
      <c r="H5357" s="3"/>
      <c r="I5357" s="3"/>
      <c r="J5357" s="3"/>
      <c r="K5357" s="3"/>
      <c r="L5357" s="3"/>
    </row>
    <row r="5358" spans="1:12" s="22" customFormat="1" ht="27" customHeight="1" x14ac:dyDescent="0.15">
      <c r="A5358" s="13"/>
      <c r="B5358" s="14"/>
      <c r="C5358" s="13"/>
      <c r="D5358" s="14"/>
      <c r="E5358" s="14"/>
      <c r="F5358" s="16"/>
      <c r="G5358" s="3"/>
      <c r="H5358" s="3"/>
      <c r="I5358" s="3"/>
      <c r="J5358" s="3"/>
      <c r="K5358" s="3"/>
      <c r="L5358" s="3"/>
    </row>
    <row r="5359" spans="1:12" s="22" customFormat="1" ht="27" customHeight="1" x14ac:dyDescent="0.15">
      <c r="A5359" s="13"/>
      <c r="B5359" s="14"/>
      <c r="C5359" s="13"/>
      <c r="D5359" s="14"/>
      <c r="E5359" s="14"/>
      <c r="F5359" s="16"/>
      <c r="G5359" s="3"/>
      <c r="H5359" s="3"/>
      <c r="I5359" s="3"/>
      <c r="J5359" s="3"/>
      <c r="K5359" s="3"/>
      <c r="L5359" s="3"/>
    </row>
    <row r="5360" spans="1:12" s="22" customFormat="1" ht="27" customHeight="1" x14ac:dyDescent="0.15">
      <c r="A5360" s="13"/>
      <c r="B5360" s="14"/>
      <c r="C5360" s="13"/>
      <c r="D5360" s="14"/>
      <c r="E5360" s="14"/>
      <c r="F5360" s="16"/>
      <c r="G5360" s="3"/>
      <c r="H5360" s="3"/>
      <c r="I5360" s="3"/>
      <c r="J5360" s="3"/>
      <c r="K5360" s="3"/>
      <c r="L5360" s="3"/>
    </row>
    <row r="5361" spans="1:12" s="22" customFormat="1" ht="27" customHeight="1" x14ac:dyDescent="0.15">
      <c r="A5361" s="13"/>
      <c r="B5361" s="14"/>
      <c r="C5361" s="13"/>
      <c r="D5361" s="14"/>
      <c r="E5361" s="14"/>
      <c r="F5361" s="16"/>
      <c r="G5361" s="3"/>
      <c r="H5361" s="3"/>
      <c r="I5361" s="3"/>
      <c r="J5361" s="3"/>
      <c r="K5361" s="3"/>
      <c r="L5361" s="3"/>
    </row>
    <row r="5362" spans="1:12" s="22" customFormat="1" ht="27" customHeight="1" x14ac:dyDescent="0.15">
      <c r="A5362" s="13"/>
      <c r="B5362" s="14"/>
      <c r="C5362" s="13"/>
      <c r="D5362" s="14"/>
      <c r="E5362" s="14"/>
      <c r="F5362" s="16"/>
      <c r="G5362" s="3"/>
      <c r="H5362" s="3"/>
      <c r="I5362" s="3"/>
      <c r="J5362" s="3"/>
      <c r="K5362" s="3"/>
      <c r="L5362" s="3"/>
    </row>
    <row r="5363" spans="1:12" s="22" customFormat="1" ht="27" customHeight="1" x14ac:dyDescent="0.15">
      <c r="A5363" s="13"/>
      <c r="B5363" s="14"/>
      <c r="C5363" s="13"/>
      <c r="D5363" s="14"/>
      <c r="E5363" s="14"/>
      <c r="F5363" s="16"/>
      <c r="G5363" s="3"/>
      <c r="H5363" s="3"/>
      <c r="I5363" s="3"/>
      <c r="J5363" s="3"/>
      <c r="K5363" s="3"/>
      <c r="L5363" s="3"/>
    </row>
    <row r="5364" spans="1:12" s="22" customFormat="1" ht="27" customHeight="1" x14ac:dyDescent="0.15">
      <c r="A5364" s="13"/>
      <c r="B5364" s="14"/>
      <c r="C5364" s="13"/>
      <c r="D5364" s="14"/>
      <c r="E5364" s="14"/>
      <c r="F5364" s="16"/>
      <c r="G5364" s="3"/>
      <c r="H5364" s="3"/>
      <c r="I5364" s="3"/>
      <c r="J5364" s="3"/>
      <c r="K5364" s="3"/>
      <c r="L5364" s="3"/>
    </row>
    <row r="5365" spans="1:12" s="22" customFormat="1" ht="27" customHeight="1" x14ac:dyDescent="0.15">
      <c r="A5365" s="13"/>
      <c r="B5365" s="14"/>
      <c r="C5365" s="13"/>
      <c r="D5365" s="14"/>
      <c r="E5365" s="14"/>
      <c r="F5365" s="16"/>
      <c r="G5365" s="3"/>
      <c r="H5365" s="3"/>
      <c r="I5365" s="3"/>
      <c r="J5365" s="3"/>
      <c r="K5365" s="3"/>
      <c r="L5365" s="3"/>
    </row>
    <row r="5366" spans="1:12" s="22" customFormat="1" ht="27" customHeight="1" x14ac:dyDescent="0.15">
      <c r="A5366" s="13"/>
      <c r="B5366" s="14"/>
      <c r="C5366" s="13"/>
      <c r="D5366" s="14"/>
      <c r="E5366" s="14"/>
      <c r="F5366" s="16"/>
      <c r="G5366" s="3"/>
      <c r="H5366" s="3"/>
      <c r="I5366" s="3"/>
      <c r="J5366" s="3"/>
      <c r="K5366" s="3"/>
      <c r="L5366" s="3"/>
    </row>
    <row r="5367" spans="1:12" s="22" customFormat="1" ht="27" customHeight="1" x14ac:dyDescent="0.15">
      <c r="A5367" s="13"/>
      <c r="B5367" s="14"/>
      <c r="C5367" s="13"/>
      <c r="D5367" s="14"/>
      <c r="E5367" s="14"/>
      <c r="F5367" s="16"/>
      <c r="G5367" s="3"/>
      <c r="H5367" s="3"/>
      <c r="I5367" s="3"/>
      <c r="J5367" s="3"/>
      <c r="K5367" s="3"/>
      <c r="L5367" s="3"/>
    </row>
    <row r="5368" spans="1:12" s="22" customFormat="1" ht="27" customHeight="1" x14ac:dyDescent="0.15">
      <c r="A5368" s="13"/>
      <c r="B5368" s="14"/>
      <c r="C5368" s="13"/>
      <c r="D5368" s="14"/>
      <c r="E5368" s="14"/>
      <c r="F5368" s="16"/>
      <c r="G5368" s="3"/>
      <c r="H5368" s="3"/>
      <c r="I5368" s="3"/>
      <c r="J5368" s="3"/>
      <c r="K5368" s="3"/>
      <c r="L5368" s="3"/>
    </row>
    <row r="5369" spans="1:12" s="22" customFormat="1" ht="27" customHeight="1" x14ac:dyDescent="0.15">
      <c r="A5369" s="13"/>
      <c r="B5369" s="14"/>
      <c r="C5369" s="13"/>
      <c r="D5369" s="14"/>
      <c r="E5369" s="14"/>
      <c r="F5369" s="16"/>
      <c r="G5369" s="3"/>
      <c r="H5369" s="3"/>
      <c r="I5369" s="3"/>
      <c r="J5369" s="3"/>
      <c r="K5369" s="3"/>
      <c r="L5369" s="3"/>
    </row>
    <row r="5370" spans="1:12" s="22" customFormat="1" ht="27" customHeight="1" x14ac:dyDescent="0.15">
      <c r="A5370" s="13"/>
      <c r="B5370" s="14"/>
      <c r="C5370" s="13"/>
      <c r="D5370" s="14"/>
      <c r="E5370" s="14"/>
      <c r="F5370" s="16"/>
      <c r="G5370" s="3"/>
      <c r="H5370" s="3"/>
      <c r="I5370" s="3"/>
      <c r="J5370" s="3"/>
      <c r="K5370" s="3"/>
      <c r="L5370" s="3"/>
    </row>
    <row r="5371" spans="1:12" s="22" customFormat="1" ht="27" customHeight="1" x14ac:dyDescent="0.15">
      <c r="A5371" s="13"/>
      <c r="B5371" s="14"/>
      <c r="C5371" s="13"/>
      <c r="D5371" s="14"/>
      <c r="E5371" s="14"/>
      <c r="F5371" s="16"/>
      <c r="G5371" s="3"/>
      <c r="H5371" s="3"/>
      <c r="I5371" s="3"/>
      <c r="J5371" s="3"/>
      <c r="K5371" s="3"/>
      <c r="L5371" s="3"/>
    </row>
    <row r="5372" spans="1:12" s="22" customFormat="1" ht="27" customHeight="1" x14ac:dyDescent="0.15">
      <c r="A5372" s="13"/>
      <c r="B5372" s="14"/>
      <c r="C5372" s="13"/>
      <c r="D5372" s="14"/>
      <c r="E5372" s="14"/>
      <c r="F5372" s="16"/>
      <c r="G5372" s="3"/>
      <c r="H5372" s="3"/>
      <c r="I5372" s="3"/>
      <c r="J5372" s="3"/>
      <c r="K5372" s="3"/>
      <c r="L5372" s="3"/>
    </row>
    <row r="5373" spans="1:12" s="22" customFormat="1" ht="27" customHeight="1" x14ac:dyDescent="0.15">
      <c r="A5373" s="13"/>
      <c r="B5373" s="14"/>
      <c r="C5373" s="13"/>
      <c r="D5373" s="14"/>
      <c r="E5373" s="14"/>
      <c r="F5373" s="16"/>
      <c r="G5373" s="3"/>
      <c r="H5373" s="3"/>
      <c r="I5373" s="3"/>
      <c r="J5373" s="3"/>
      <c r="K5373" s="3"/>
      <c r="L5373" s="3"/>
    </row>
    <row r="5374" spans="1:12" s="22" customFormat="1" ht="27" customHeight="1" x14ac:dyDescent="0.15">
      <c r="A5374" s="13"/>
      <c r="B5374" s="14"/>
      <c r="C5374" s="13"/>
      <c r="D5374" s="14"/>
      <c r="E5374" s="14"/>
      <c r="F5374" s="16"/>
      <c r="G5374" s="3"/>
      <c r="H5374" s="3"/>
      <c r="I5374" s="3"/>
      <c r="J5374" s="3"/>
      <c r="K5374" s="3"/>
      <c r="L5374" s="3"/>
    </row>
    <row r="5375" spans="1:12" s="22" customFormat="1" ht="27" customHeight="1" x14ac:dyDescent="0.15">
      <c r="A5375" s="13"/>
      <c r="B5375" s="14"/>
      <c r="C5375" s="13"/>
      <c r="D5375" s="14"/>
      <c r="E5375" s="14"/>
      <c r="F5375" s="16"/>
      <c r="G5375" s="3"/>
      <c r="H5375" s="3"/>
      <c r="I5375" s="3"/>
      <c r="J5375" s="3"/>
      <c r="K5375" s="3"/>
      <c r="L5375" s="3"/>
    </row>
    <row r="5376" spans="1:12" s="22" customFormat="1" ht="27" customHeight="1" x14ac:dyDescent="0.15">
      <c r="A5376" s="13"/>
      <c r="B5376" s="14"/>
      <c r="C5376" s="13"/>
      <c r="D5376" s="14"/>
      <c r="E5376" s="14"/>
      <c r="F5376" s="16"/>
      <c r="G5376" s="3"/>
      <c r="H5376" s="3"/>
      <c r="I5376" s="3"/>
      <c r="J5376" s="3"/>
      <c r="K5376" s="3"/>
      <c r="L5376" s="3"/>
    </row>
    <row r="5377" spans="1:12" s="22" customFormat="1" ht="27" customHeight="1" x14ac:dyDescent="0.15">
      <c r="A5377" s="13"/>
      <c r="B5377" s="14"/>
      <c r="C5377" s="13"/>
      <c r="D5377" s="14"/>
      <c r="E5377" s="14"/>
      <c r="F5377" s="16"/>
      <c r="G5377" s="3"/>
      <c r="H5377" s="3"/>
      <c r="I5377" s="3"/>
      <c r="J5377" s="3"/>
      <c r="K5377" s="3"/>
      <c r="L5377" s="3"/>
    </row>
    <row r="5378" spans="1:12" s="22" customFormat="1" ht="27" customHeight="1" x14ac:dyDescent="0.15">
      <c r="A5378" s="13"/>
      <c r="B5378" s="14"/>
      <c r="C5378" s="13"/>
      <c r="D5378" s="14"/>
      <c r="E5378" s="14"/>
      <c r="F5378" s="16"/>
      <c r="G5378" s="3"/>
      <c r="H5378" s="3"/>
      <c r="I5378" s="3"/>
      <c r="J5378" s="3"/>
      <c r="K5378" s="3"/>
      <c r="L5378" s="3"/>
    </row>
    <row r="5379" spans="1:12" s="22" customFormat="1" ht="27" customHeight="1" x14ac:dyDescent="0.15">
      <c r="A5379" s="13"/>
      <c r="B5379" s="14"/>
      <c r="C5379" s="13"/>
      <c r="D5379" s="14"/>
      <c r="E5379" s="14"/>
      <c r="F5379" s="16"/>
      <c r="G5379" s="3"/>
      <c r="H5379" s="3"/>
      <c r="I5379" s="3"/>
      <c r="J5379" s="3"/>
      <c r="K5379" s="3"/>
      <c r="L5379" s="3"/>
    </row>
    <row r="5380" spans="1:12" s="22" customFormat="1" ht="27" customHeight="1" x14ac:dyDescent="0.15">
      <c r="A5380" s="13"/>
      <c r="B5380" s="14"/>
      <c r="C5380" s="13"/>
      <c r="D5380" s="14"/>
      <c r="E5380" s="14"/>
      <c r="F5380" s="16"/>
      <c r="G5380" s="3"/>
      <c r="H5380" s="3"/>
      <c r="I5380" s="3"/>
      <c r="J5380" s="3"/>
      <c r="K5380" s="3"/>
      <c r="L5380" s="3"/>
    </row>
    <row r="5381" spans="1:12" s="22" customFormat="1" ht="27" customHeight="1" x14ac:dyDescent="0.15">
      <c r="A5381" s="13"/>
      <c r="B5381" s="14"/>
      <c r="C5381" s="13"/>
      <c r="D5381" s="14"/>
      <c r="E5381" s="14"/>
      <c r="F5381" s="16"/>
      <c r="G5381" s="3"/>
      <c r="H5381" s="3"/>
      <c r="I5381" s="3"/>
      <c r="J5381" s="3"/>
      <c r="K5381" s="3"/>
      <c r="L5381" s="3"/>
    </row>
    <row r="5382" spans="1:12" s="22" customFormat="1" ht="27" customHeight="1" x14ac:dyDescent="0.15">
      <c r="A5382" s="13"/>
      <c r="B5382" s="14"/>
      <c r="C5382" s="13"/>
      <c r="D5382" s="14"/>
      <c r="E5382" s="14"/>
      <c r="F5382" s="16"/>
      <c r="G5382" s="3"/>
      <c r="H5382" s="3"/>
      <c r="I5382" s="3"/>
      <c r="J5382" s="3"/>
      <c r="K5382" s="3"/>
      <c r="L5382" s="3"/>
    </row>
    <row r="5383" spans="1:12" s="22" customFormat="1" ht="27" customHeight="1" x14ac:dyDescent="0.15">
      <c r="A5383" s="13"/>
      <c r="B5383" s="14"/>
      <c r="C5383" s="13"/>
      <c r="D5383" s="14"/>
      <c r="E5383" s="14"/>
      <c r="F5383" s="16"/>
      <c r="G5383" s="3"/>
      <c r="H5383" s="3"/>
      <c r="I5383" s="3"/>
      <c r="J5383" s="3"/>
      <c r="K5383" s="3"/>
      <c r="L5383" s="3"/>
    </row>
    <row r="5384" spans="1:12" s="22" customFormat="1" ht="27" customHeight="1" x14ac:dyDescent="0.15">
      <c r="A5384" s="13"/>
      <c r="B5384" s="14"/>
      <c r="C5384" s="13"/>
      <c r="D5384" s="14"/>
      <c r="E5384" s="14"/>
      <c r="F5384" s="16"/>
      <c r="G5384" s="3"/>
      <c r="H5384" s="3"/>
      <c r="I5384" s="3"/>
      <c r="J5384" s="3"/>
      <c r="K5384" s="3"/>
      <c r="L5384" s="3"/>
    </row>
    <row r="5385" spans="1:12" s="22" customFormat="1" ht="27" customHeight="1" x14ac:dyDescent="0.15">
      <c r="A5385" s="13"/>
      <c r="B5385" s="14"/>
      <c r="C5385" s="13"/>
      <c r="D5385" s="14"/>
      <c r="E5385" s="14"/>
      <c r="F5385" s="16"/>
      <c r="G5385" s="3"/>
      <c r="H5385" s="3"/>
      <c r="I5385" s="3"/>
      <c r="J5385" s="3"/>
      <c r="K5385" s="3"/>
      <c r="L5385" s="3"/>
    </row>
    <row r="5386" spans="1:12" s="22" customFormat="1" ht="27" customHeight="1" x14ac:dyDescent="0.15">
      <c r="A5386" s="13"/>
      <c r="B5386" s="14"/>
      <c r="C5386" s="13"/>
      <c r="D5386" s="14"/>
      <c r="E5386" s="14"/>
      <c r="F5386" s="16"/>
      <c r="G5386" s="3"/>
      <c r="H5386" s="3"/>
      <c r="I5386" s="3"/>
      <c r="J5386" s="3"/>
      <c r="K5386" s="3"/>
      <c r="L5386" s="3"/>
    </row>
    <row r="5387" spans="1:12" s="22" customFormat="1" ht="27" customHeight="1" x14ac:dyDescent="0.15">
      <c r="A5387" s="13"/>
      <c r="B5387" s="14"/>
      <c r="C5387" s="13"/>
      <c r="D5387" s="14"/>
      <c r="E5387" s="14"/>
      <c r="F5387" s="16"/>
      <c r="G5387" s="3"/>
      <c r="H5387" s="3"/>
      <c r="I5387" s="3"/>
      <c r="J5387" s="3"/>
      <c r="K5387" s="3"/>
      <c r="L5387" s="3"/>
    </row>
    <row r="5388" spans="1:12" s="22" customFormat="1" ht="27" customHeight="1" x14ac:dyDescent="0.15">
      <c r="A5388" s="13"/>
      <c r="B5388" s="14"/>
      <c r="C5388" s="13"/>
      <c r="D5388" s="14"/>
      <c r="E5388" s="14"/>
      <c r="F5388" s="16"/>
      <c r="G5388" s="3"/>
      <c r="H5388" s="3"/>
      <c r="I5388" s="3"/>
      <c r="J5388" s="3"/>
      <c r="K5388" s="3"/>
      <c r="L5388" s="3"/>
    </row>
    <row r="5389" spans="1:12" s="22" customFormat="1" ht="27" customHeight="1" x14ac:dyDescent="0.15">
      <c r="A5389" s="13"/>
      <c r="B5389" s="14"/>
      <c r="C5389" s="13"/>
      <c r="D5389" s="14"/>
      <c r="E5389" s="14"/>
      <c r="F5389" s="16"/>
      <c r="G5389" s="3"/>
      <c r="H5389" s="3"/>
      <c r="I5389" s="3"/>
      <c r="J5389" s="3"/>
      <c r="K5389" s="3"/>
      <c r="L5389" s="3"/>
    </row>
    <row r="5390" spans="1:12" s="22" customFormat="1" ht="27" customHeight="1" x14ac:dyDescent="0.15">
      <c r="A5390" s="13"/>
      <c r="B5390" s="14"/>
      <c r="C5390" s="13"/>
      <c r="D5390" s="14"/>
      <c r="E5390" s="14"/>
      <c r="F5390" s="16"/>
      <c r="G5390" s="3"/>
      <c r="H5390" s="3"/>
      <c r="I5390" s="3"/>
      <c r="J5390" s="3"/>
      <c r="K5390" s="3"/>
      <c r="L5390" s="3"/>
    </row>
    <row r="5391" spans="1:12" s="22" customFormat="1" ht="27" customHeight="1" x14ac:dyDescent="0.15">
      <c r="A5391" s="13"/>
      <c r="B5391" s="14"/>
      <c r="C5391" s="13"/>
      <c r="D5391" s="14"/>
      <c r="E5391" s="14"/>
      <c r="F5391" s="16"/>
      <c r="G5391" s="3"/>
      <c r="H5391" s="3"/>
      <c r="I5391" s="3"/>
      <c r="J5391" s="3"/>
      <c r="K5391" s="3"/>
      <c r="L5391" s="3"/>
    </row>
    <row r="5392" spans="1:12" s="22" customFormat="1" ht="27" customHeight="1" x14ac:dyDescent="0.15">
      <c r="A5392" s="13"/>
      <c r="B5392" s="14"/>
      <c r="C5392" s="13"/>
      <c r="D5392" s="14"/>
      <c r="E5392" s="14"/>
      <c r="F5392" s="16"/>
      <c r="G5392" s="3"/>
      <c r="H5392" s="3"/>
      <c r="I5392" s="3"/>
      <c r="J5392" s="3"/>
      <c r="K5392" s="3"/>
      <c r="L5392" s="3"/>
    </row>
    <row r="5393" spans="1:12" s="22" customFormat="1" ht="27" customHeight="1" x14ac:dyDescent="0.15">
      <c r="A5393" s="13"/>
      <c r="B5393" s="14"/>
      <c r="C5393" s="13"/>
      <c r="D5393" s="14"/>
      <c r="E5393" s="14"/>
      <c r="F5393" s="16"/>
      <c r="G5393" s="3"/>
      <c r="H5393" s="3"/>
      <c r="I5393" s="3"/>
      <c r="J5393" s="3"/>
      <c r="K5393" s="3"/>
      <c r="L5393" s="3"/>
    </row>
    <row r="5394" spans="1:12" s="22" customFormat="1" ht="27" customHeight="1" x14ac:dyDescent="0.15">
      <c r="A5394" s="13"/>
      <c r="B5394" s="14"/>
      <c r="C5394" s="13"/>
      <c r="D5394" s="14"/>
      <c r="E5394" s="14"/>
      <c r="F5394" s="16"/>
      <c r="G5394" s="3"/>
      <c r="H5394" s="3"/>
      <c r="I5394" s="3"/>
      <c r="J5394" s="3"/>
      <c r="K5394" s="3"/>
      <c r="L5394" s="3"/>
    </row>
    <row r="5395" spans="1:12" s="22" customFormat="1" ht="27" customHeight="1" x14ac:dyDescent="0.15">
      <c r="A5395" s="13"/>
      <c r="B5395" s="14"/>
      <c r="C5395" s="13"/>
      <c r="D5395" s="14"/>
      <c r="E5395" s="14"/>
      <c r="F5395" s="16"/>
      <c r="G5395" s="3"/>
      <c r="H5395" s="3"/>
      <c r="I5395" s="3"/>
      <c r="J5395" s="3"/>
      <c r="K5395" s="3"/>
      <c r="L5395" s="3"/>
    </row>
    <row r="5396" spans="1:12" s="22" customFormat="1" ht="27" customHeight="1" x14ac:dyDescent="0.15">
      <c r="A5396" s="13"/>
      <c r="B5396" s="14"/>
      <c r="C5396" s="13"/>
      <c r="D5396" s="14"/>
      <c r="E5396" s="14"/>
      <c r="F5396" s="16"/>
      <c r="G5396" s="3"/>
      <c r="H5396" s="3"/>
      <c r="I5396" s="3"/>
      <c r="J5396" s="3"/>
      <c r="K5396" s="3"/>
      <c r="L5396" s="3"/>
    </row>
    <row r="5397" spans="1:12" s="22" customFormat="1" ht="27" customHeight="1" x14ac:dyDescent="0.15">
      <c r="A5397" s="13"/>
      <c r="B5397" s="14"/>
      <c r="C5397" s="13"/>
      <c r="D5397" s="14"/>
      <c r="E5397" s="14"/>
      <c r="F5397" s="16"/>
      <c r="G5397" s="3"/>
      <c r="H5397" s="3"/>
      <c r="I5397" s="3"/>
      <c r="J5397" s="3"/>
      <c r="K5397" s="3"/>
      <c r="L5397" s="3"/>
    </row>
    <row r="5398" spans="1:12" s="22" customFormat="1" ht="27" customHeight="1" x14ac:dyDescent="0.15">
      <c r="A5398" s="13"/>
      <c r="B5398" s="14"/>
      <c r="C5398" s="13"/>
      <c r="D5398" s="14"/>
      <c r="E5398" s="14"/>
      <c r="F5398" s="16"/>
      <c r="G5398" s="3"/>
      <c r="H5398" s="3"/>
      <c r="I5398" s="3"/>
      <c r="J5398" s="3"/>
      <c r="K5398" s="3"/>
      <c r="L5398" s="3"/>
    </row>
    <row r="5399" spans="1:12" s="22" customFormat="1" ht="27" customHeight="1" x14ac:dyDescent="0.15">
      <c r="A5399" s="13"/>
      <c r="B5399" s="14"/>
      <c r="C5399" s="13"/>
      <c r="D5399" s="14"/>
      <c r="E5399" s="14"/>
      <c r="F5399" s="16"/>
      <c r="G5399" s="3"/>
      <c r="H5399" s="3"/>
      <c r="I5399" s="3"/>
      <c r="J5399" s="3"/>
      <c r="K5399" s="3"/>
      <c r="L5399" s="3"/>
    </row>
    <row r="5400" spans="1:12" s="22" customFormat="1" ht="27" customHeight="1" x14ac:dyDescent="0.15">
      <c r="A5400" s="13"/>
      <c r="B5400" s="14"/>
      <c r="C5400" s="13"/>
      <c r="D5400" s="14"/>
      <c r="E5400" s="14"/>
      <c r="F5400" s="16"/>
      <c r="G5400" s="3"/>
      <c r="H5400" s="3"/>
      <c r="I5400" s="3"/>
      <c r="J5400" s="3"/>
      <c r="K5400" s="3"/>
      <c r="L5400" s="3"/>
    </row>
    <row r="5401" spans="1:12" s="22" customFormat="1" ht="27" customHeight="1" x14ac:dyDescent="0.15">
      <c r="A5401" s="13"/>
      <c r="B5401" s="14"/>
      <c r="C5401" s="13"/>
      <c r="D5401" s="14"/>
      <c r="E5401" s="14"/>
      <c r="F5401" s="16"/>
      <c r="G5401" s="3"/>
      <c r="H5401" s="3"/>
      <c r="I5401" s="3"/>
      <c r="J5401" s="3"/>
      <c r="K5401" s="3"/>
      <c r="L5401" s="3"/>
    </row>
    <row r="5402" spans="1:12" s="22" customFormat="1" ht="27" customHeight="1" x14ac:dyDescent="0.15">
      <c r="A5402" s="13"/>
      <c r="B5402" s="14"/>
      <c r="C5402" s="13"/>
      <c r="D5402" s="14"/>
      <c r="E5402" s="14"/>
      <c r="F5402" s="16"/>
      <c r="G5402" s="3"/>
      <c r="H5402" s="3"/>
      <c r="I5402" s="3"/>
      <c r="J5402" s="3"/>
      <c r="K5402" s="3"/>
      <c r="L5402" s="3"/>
    </row>
    <row r="5403" spans="1:12" s="22" customFormat="1" ht="27" customHeight="1" x14ac:dyDescent="0.15">
      <c r="A5403" s="13"/>
      <c r="B5403" s="14"/>
      <c r="C5403" s="13"/>
      <c r="D5403" s="14"/>
      <c r="E5403" s="14"/>
      <c r="F5403" s="16"/>
      <c r="G5403" s="3"/>
      <c r="H5403" s="3"/>
      <c r="I5403" s="3"/>
      <c r="J5403" s="3"/>
      <c r="K5403" s="3"/>
      <c r="L5403" s="3"/>
    </row>
    <row r="5404" spans="1:12" s="22" customFormat="1" ht="27" customHeight="1" x14ac:dyDescent="0.15">
      <c r="A5404" s="13"/>
      <c r="B5404" s="14"/>
      <c r="C5404" s="13"/>
      <c r="D5404" s="14"/>
      <c r="E5404" s="14"/>
      <c r="F5404" s="16"/>
      <c r="G5404" s="3"/>
      <c r="H5404" s="3"/>
      <c r="I5404" s="3"/>
      <c r="J5404" s="3"/>
      <c r="K5404" s="3"/>
      <c r="L5404" s="3"/>
    </row>
    <row r="5405" spans="1:12" s="22" customFormat="1" ht="27" customHeight="1" x14ac:dyDescent="0.15">
      <c r="A5405" s="13"/>
      <c r="B5405" s="14"/>
      <c r="C5405" s="13"/>
      <c r="D5405" s="14"/>
      <c r="E5405" s="14"/>
      <c r="F5405" s="16"/>
      <c r="G5405" s="3"/>
      <c r="H5405" s="3"/>
      <c r="I5405" s="3"/>
      <c r="J5405" s="3"/>
      <c r="K5405" s="3"/>
      <c r="L5405" s="3"/>
    </row>
    <row r="5406" spans="1:12" s="22" customFormat="1" ht="27" customHeight="1" x14ac:dyDescent="0.15">
      <c r="A5406" s="13"/>
      <c r="B5406" s="14"/>
      <c r="C5406" s="13"/>
      <c r="D5406" s="14"/>
      <c r="E5406" s="14"/>
      <c r="F5406" s="16"/>
      <c r="G5406" s="3"/>
      <c r="H5406" s="3"/>
      <c r="I5406" s="3"/>
      <c r="J5406" s="3"/>
      <c r="K5406" s="3"/>
      <c r="L5406" s="3"/>
    </row>
    <row r="5407" spans="1:12" s="22" customFormat="1" ht="27" customHeight="1" x14ac:dyDescent="0.15">
      <c r="A5407" s="13"/>
      <c r="B5407" s="14"/>
      <c r="C5407" s="13"/>
      <c r="D5407" s="14"/>
      <c r="E5407" s="14"/>
      <c r="F5407" s="16"/>
      <c r="G5407" s="3"/>
      <c r="H5407" s="3"/>
      <c r="I5407" s="3"/>
      <c r="J5407" s="3"/>
      <c r="K5407" s="3"/>
      <c r="L5407" s="3"/>
    </row>
    <row r="5408" spans="1:12" s="22" customFormat="1" ht="27" customHeight="1" x14ac:dyDescent="0.15">
      <c r="A5408" s="13"/>
      <c r="B5408" s="14"/>
      <c r="C5408" s="13"/>
      <c r="D5408" s="14"/>
      <c r="E5408" s="14"/>
      <c r="F5408" s="16"/>
      <c r="G5408" s="3"/>
      <c r="H5408" s="3"/>
      <c r="I5408" s="3"/>
      <c r="J5408" s="3"/>
      <c r="K5408" s="3"/>
      <c r="L5408" s="3"/>
    </row>
    <row r="5409" spans="1:12" s="22" customFormat="1" ht="27" customHeight="1" x14ac:dyDescent="0.15">
      <c r="A5409" s="13"/>
      <c r="B5409" s="14"/>
      <c r="C5409" s="13"/>
      <c r="D5409" s="14"/>
      <c r="E5409" s="14"/>
      <c r="F5409" s="16"/>
      <c r="G5409" s="3"/>
      <c r="H5409" s="3"/>
      <c r="I5409" s="3"/>
      <c r="J5409" s="3"/>
      <c r="K5409" s="3"/>
      <c r="L5409" s="3"/>
    </row>
    <row r="5410" spans="1:12" s="22" customFormat="1" ht="27" customHeight="1" x14ac:dyDescent="0.15">
      <c r="A5410" s="13"/>
      <c r="B5410" s="14"/>
      <c r="C5410" s="13"/>
      <c r="D5410" s="14"/>
      <c r="E5410" s="14"/>
      <c r="F5410" s="16"/>
      <c r="G5410" s="3"/>
      <c r="H5410" s="3"/>
      <c r="I5410" s="3"/>
      <c r="J5410" s="3"/>
      <c r="K5410" s="3"/>
      <c r="L5410" s="3"/>
    </row>
    <row r="5411" spans="1:12" s="22" customFormat="1" ht="27" customHeight="1" x14ac:dyDescent="0.15">
      <c r="A5411" s="13"/>
      <c r="B5411" s="14"/>
      <c r="C5411" s="13"/>
      <c r="D5411" s="14"/>
      <c r="E5411" s="14"/>
      <c r="F5411" s="16"/>
      <c r="G5411" s="3"/>
      <c r="H5411" s="3"/>
      <c r="I5411" s="3"/>
      <c r="J5411" s="3"/>
      <c r="K5411" s="3"/>
      <c r="L5411" s="3"/>
    </row>
    <row r="5412" spans="1:12" s="22" customFormat="1" ht="27" customHeight="1" x14ac:dyDescent="0.15">
      <c r="A5412" s="13"/>
      <c r="B5412" s="14"/>
      <c r="C5412" s="13"/>
      <c r="D5412" s="14"/>
      <c r="E5412" s="14"/>
      <c r="F5412" s="16"/>
      <c r="G5412" s="3"/>
      <c r="H5412" s="3"/>
      <c r="I5412" s="3"/>
      <c r="J5412" s="3"/>
      <c r="K5412" s="3"/>
      <c r="L5412" s="3"/>
    </row>
    <row r="5413" spans="1:12" s="22" customFormat="1" ht="27" customHeight="1" x14ac:dyDescent="0.15">
      <c r="A5413" s="13"/>
      <c r="B5413" s="14"/>
      <c r="C5413" s="13"/>
      <c r="D5413" s="14"/>
      <c r="E5413" s="14"/>
      <c r="F5413" s="16"/>
      <c r="G5413" s="3"/>
      <c r="H5413" s="3"/>
      <c r="I5413" s="3"/>
      <c r="J5413" s="3"/>
      <c r="K5413" s="3"/>
      <c r="L5413" s="3"/>
    </row>
    <row r="5414" spans="1:12" s="22" customFormat="1" ht="27" customHeight="1" x14ac:dyDescent="0.15">
      <c r="A5414" s="13"/>
      <c r="B5414" s="14"/>
      <c r="C5414" s="13"/>
      <c r="D5414" s="14"/>
      <c r="E5414" s="14"/>
      <c r="F5414" s="16"/>
      <c r="G5414" s="3"/>
      <c r="H5414" s="3"/>
      <c r="I5414" s="3"/>
      <c r="J5414" s="3"/>
      <c r="K5414" s="3"/>
      <c r="L5414" s="3"/>
    </row>
    <row r="5415" spans="1:12" s="22" customFormat="1" ht="27" customHeight="1" x14ac:dyDescent="0.15">
      <c r="A5415" s="13"/>
      <c r="B5415" s="14"/>
      <c r="C5415" s="13"/>
      <c r="D5415" s="14"/>
      <c r="E5415" s="14"/>
      <c r="F5415" s="16"/>
      <c r="G5415" s="3"/>
      <c r="H5415" s="3"/>
      <c r="I5415" s="3"/>
      <c r="J5415" s="3"/>
      <c r="K5415" s="3"/>
      <c r="L5415" s="3"/>
    </row>
    <row r="5416" spans="1:12" s="22" customFormat="1" ht="27" customHeight="1" x14ac:dyDescent="0.15">
      <c r="A5416" s="13"/>
      <c r="B5416" s="14"/>
      <c r="C5416" s="13"/>
      <c r="D5416" s="14"/>
      <c r="E5416" s="14"/>
      <c r="F5416" s="16"/>
      <c r="G5416" s="3"/>
      <c r="H5416" s="3"/>
      <c r="I5416" s="3"/>
      <c r="J5416" s="3"/>
      <c r="K5416" s="3"/>
      <c r="L5416" s="3"/>
    </row>
    <row r="5417" spans="1:12" s="22" customFormat="1" ht="27" customHeight="1" x14ac:dyDescent="0.15">
      <c r="A5417" s="13"/>
      <c r="B5417" s="14"/>
      <c r="C5417" s="13"/>
      <c r="D5417" s="14"/>
      <c r="E5417" s="14"/>
      <c r="F5417" s="16"/>
      <c r="G5417" s="3"/>
      <c r="H5417" s="3"/>
      <c r="I5417" s="3"/>
      <c r="J5417" s="3"/>
      <c r="K5417" s="3"/>
      <c r="L5417" s="3"/>
    </row>
    <row r="5418" spans="1:12" s="22" customFormat="1" ht="27" customHeight="1" x14ac:dyDescent="0.15">
      <c r="A5418" s="13"/>
      <c r="B5418" s="14"/>
      <c r="C5418" s="13"/>
      <c r="D5418" s="14"/>
      <c r="E5418" s="14"/>
      <c r="F5418" s="16"/>
      <c r="G5418" s="3"/>
      <c r="H5418" s="3"/>
      <c r="I5418" s="3"/>
      <c r="J5418" s="3"/>
      <c r="K5418" s="3"/>
      <c r="L5418" s="3"/>
    </row>
    <row r="5419" spans="1:12" s="22" customFormat="1" ht="27" customHeight="1" x14ac:dyDescent="0.15">
      <c r="A5419" s="13"/>
      <c r="B5419" s="14"/>
      <c r="C5419" s="13"/>
      <c r="D5419" s="14"/>
      <c r="E5419" s="14"/>
      <c r="F5419" s="16"/>
      <c r="G5419" s="3"/>
      <c r="H5419" s="3"/>
      <c r="I5419" s="3"/>
      <c r="J5419" s="3"/>
      <c r="K5419" s="3"/>
      <c r="L5419" s="3"/>
    </row>
    <row r="5420" spans="1:12" s="22" customFormat="1" ht="27" customHeight="1" x14ac:dyDescent="0.15">
      <c r="A5420" s="13"/>
      <c r="B5420" s="14"/>
      <c r="C5420" s="13"/>
      <c r="D5420" s="14"/>
      <c r="E5420" s="14"/>
      <c r="F5420" s="16"/>
      <c r="G5420" s="3"/>
      <c r="H5420" s="3"/>
      <c r="I5420" s="3"/>
      <c r="J5420" s="3"/>
      <c r="K5420" s="3"/>
      <c r="L5420" s="3"/>
    </row>
    <row r="5421" spans="1:12" s="22" customFormat="1" ht="27" customHeight="1" x14ac:dyDescent="0.15">
      <c r="A5421" s="13"/>
      <c r="B5421" s="14"/>
      <c r="C5421" s="13"/>
      <c r="D5421" s="14"/>
      <c r="E5421" s="14"/>
      <c r="F5421" s="16"/>
      <c r="G5421" s="3"/>
      <c r="H5421" s="3"/>
      <c r="I5421" s="3"/>
      <c r="J5421" s="3"/>
      <c r="K5421" s="3"/>
      <c r="L5421" s="3"/>
    </row>
    <row r="5422" spans="1:12" s="22" customFormat="1" ht="27" customHeight="1" x14ac:dyDescent="0.15">
      <c r="A5422" s="13"/>
      <c r="B5422" s="14"/>
      <c r="C5422" s="13"/>
      <c r="D5422" s="14"/>
      <c r="E5422" s="14"/>
      <c r="F5422" s="16"/>
      <c r="G5422" s="3"/>
      <c r="H5422" s="3"/>
      <c r="I5422" s="3"/>
      <c r="J5422" s="3"/>
      <c r="K5422" s="3"/>
      <c r="L5422" s="3"/>
    </row>
    <row r="5423" spans="1:12" s="22" customFormat="1" ht="27" customHeight="1" x14ac:dyDescent="0.15">
      <c r="A5423" s="13"/>
      <c r="B5423" s="14"/>
      <c r="C5423" s="13"/>
      <c r="D5423" s="14"/>
      <c r="E5423" s="14"/>
      <c r="F5423" s="16"/>
      <c r="G5423" s="3"/>
      <c r="H5423" s="3"/>
      <c r="I5423" s="3"/>
      <c r="J5423" s="3"/>
      <c r="K5423" s="3"/>
      <c r="L5423" s="3"/>
    </row>
    <row r="5424" spans="1:12" s="22" customFormat="1" ht="27" customHeight="1" x14ac:dyDescent="0.15">
      <c r="A5424" s="13"/>
      <c r="B5424" s="14"/>
      <c r="C5424" s="13"/>
      <c r="D5424" s="14"/>
      <c r="E5424" s="14"/>
      <c r="F5424" s="16"/>
      <c r="G5424" s="3"/>
      <c r="H5424" s="3"/>
      <c r="I5424" s="3"/>
      <c r="J5424" s="3"/>
      <c r="K5424" s="3"/>
      <c r="L5424" s="3"/>
    </row>
    <row r="5425" spans="1:12" s="22" customFormat="1" ht="27" customHeight="1" x14ac:dyDescent="0.15">
      <c r="A5425" s="13"/>
      <c r="B5425" s="14"/>
      <c r="C5425" s="13"/>
      <c r="D5425" s="14"/>
      <c r="E5425" s="14"/>
      <c r="F5425" s="16"/>
      <c r="G5425" s="3"/>
      <c r="H5425" s="3"/>
      <c r="I5425" s="3"/>
      <c r="J5425" s="3"/>
      <c r="K5425" s="3"/>
      <c r="L5425" s="3"/>
    </row>
    <row r="5426" spans="1:12" s="22" customFormat="1" ht="27" customHeight="1" x14ac:dyDescent="0.15">
      <c r="A5426" s="13"/>
      <c r="B5426" s="14"/>
      <c r="C5426" s="13"/>
      <c r="D5426" s="14"/>
      <c r="E5426" s="14"/>
      <c r="F5426" s="16"/>
      <c r="G5426" s="3"/>
      <c r="H5426" s="3"/>
      <c r="I5426" s="3"/>
      <c r="J5426" s="3"/>
      <c r="K5426" s="3"/>
      <c r="L5426" s="3"/>
    </row>
    <row r="5427" spans="1:12" s="22" customFormat="1" ht="27" customHeight="1" x14ac:dyDescent="0.15">
      <c r="A5427" s="13"/>
      <c r="B5427" s="14"/>
      <c r="C5427" s="13"/>
      <c r="D5427" s="14"/>
      <c r="E5427" s="14"/>
      <c r="F5427" s="16"/>
      <c r="G5427" s="3"/>
      <c r="H5427" s="3"/>
      <c r="I5427" s="3"/>
      <c r="J5427" s="3"/>
      <c r="K5427" s="3"/>
      <c r="L5427" s="3"/>
    </row>
    <row r="5428" spans="1:12" s="22" customFormat="1" ht="27" customHeight="1" x14ac:dyDescent="0.15">
      <c r="A5428" s="13"/>
      <c r="B5428" s="14"/>
      <c r="C5428" s="13"/>
      <c r="D5428" s="14"/>
      <c r="E5428" s="14"/>
      <c r="F5428" s="16"/>
      <c r="G5428" s="3"/>
      <c r="H5428" s="3"/>
      <c r="I5428" s="3"/>
      <c r="J5428" s="3"/>
      <c r="K5428" s="3"/>
      <c r="L5428" s="3"/>
    </row>
    <row r="5429" spans="1:12" s="22" customFormat="1" ht="27" customHeight="1" x14ac:dyDescent="0.15">
      <c r="A5429" s="13"/>
      <c r="B5429" s="14"/>
      <c r="C5429" s="13"/>
      <c r="D5429" s="14"/>
      <c r="E5429" s="14"/>
      <c r="F5429" s="16"/>
      <c r="G5429" s="3"/>
      <c r="H5429" s="3"/>
      <c r="I5429" s="3"/>
      <c r="J5429" s="3"/>
      <c r="K5429" s="3"/>
      <c r="L5429" s="3"/>
    </row>
    <row r="5430" spans="1:12" s="22" customFormat="1" ht="27" customHeight="1" x14ac:dyDescent="0.15">
      <c r="A5430" s="13"/>
      <c r="B5430" s="14"/>
      <c r="C5430" s="13"/>
      <c r="D5430" s="14"/>
      <c r="E5430" s="14"/>
      <c r="F5430" s="16"/>
      <c r="G5430" s="3"/>
      <c r="H5430" s="3"/>
      <c r="I5430" s="3"/>
      <c r="J5430" s="3"/>
      <c r="K5430" s="3"/>
      <c r="L5430" s="3"/>
    </row>
    <row r="5431" spans="1:12" s="22" customFormat="1" ht="27" customHeight="1" x14ac:dyDescent="0.15">
      <c r="A5431" s="13"/>
      <c r="B5431" s="14"/>
      <c r="C5431" s="13"/>
      <c r="D5431" s="14"/>
      <c r="E5431" s="14"/>
      <c r="F5431" s="16"/>
      <c r="G5431" s="3"/>
      <c r="H5431" s="3"/>
      <c r="I5431" s="3"/>
      <c r="J5431" s="3"/>
      <c r="K5431" s="3"/>
      <c r="L5431" s="3"/>
    </row>
    <row r="5432" spans="1:12" s="22" customFormat="1" ht="27" customHeight="1" x14ac:dyDescent="0.15">
      <c r="A5432" s="13"/>
      <c r="B5432" s="14"/>
      <c r="C5432" s="13"/>
      <c r="D5432" s="14"/>
      <c r="E5432" s="14"/>
      <c r="F5432" s="16"/>
      <c r="G5432" s="3"/>
      <c r="H5432" s="3"/>
      <c r="I5432" s="3"/>
      <c r="J5432" s="3"/>
      <c r="K5432" s="3"/>
      <c r="L5432" s="3"/>
    </row>
    <row r="5433" spans="1:12" s="22" customFormat="1" ht="27" customHeight="1" x14ac:dyDescent="0.15">
      <c r="A5433" s="13"/>
      <c r="B5433" s="14"/>
      <c r="C5433" s="13"/>
      <c r="D5433" s="14"/>
      <c r="E5433" s="14"/>
      <c r="F5433" s="16"/>
      <c r="G5433" s="3"/>
      <c r="H5433" s="3"/>
      <c r="I5433" s="3"/>
      <c r="J5433" s="3"/>
      <c r="K5433" s="3"/>
      <c r="L5433" s="3"/>
    </row>
    <row r="5434" spans="1:12" s="22" customFormat="1" ht="27" customHeight="1" x14ac:dyDescent="0.15">
      <c r="A5434" s="13"/>
      <c r="B5434" s="14"/>
      <c r="C5434" s="13"/>
      <c r="D5434" s="14"/>
      <c r="E5434" s="14"/>
      <c r="F5434" s="16"/>
      <c r="G5434" s="3"/>
      <c r="H5434" s="3"/>
      <c r="I5434" s="3"/>
      <c r="J5434" s="3"/>
      <c r="K5434" s="3"/>
      <c r="L5434" s="3"/>
    </row>
    <row r="5435" spans="1:12" s="22" customFormat="1" ht="27" customHeight="1" x14ac:dyDescent="0.15">
      <c r="A5435" s="13"/>
      <c r="B5435" s="14"/>
      <c r="C5435" s="13"/>
      <c r="D5435" s="14"/>
      <c r="E5435" s="14"/>
      <c r="F5435" s="16"/>
      <c r="G5435" s="3"/>
      <c r="H5435" s="3"/>
      <c r="I5435" s="3"/>
      <c r="J5435" s="3"/>
      <c r="K5435" s="3"/>
      <c r="L5435" s="3"/>
    </row>
    <row r="5436" spans="1:12" s="22" customFormat="1" ht="27" customHeight="1" x14ac:dyDescent="0.15">
      <c r="A5436" s="13"/>
      <c r="B5436" s="14"/>
      <c r="C5436" s="13"/>
      <c r="D5436" s="14"/>
      <c r="E5436" s="14"/>
      <c r="F5436" s="16"/>
      <c r="G5436" s="3"/>
      <c r="H5436" s="3"/>
      <c r="I5436" s="3"/>
      <c r="J5436" s="3"/>
      <c r="K5436" s="3"/>
      <c r="L5436" s="3"/>
    </row>
    <row r="5437" spans="1:12" s="22" customFormat="1" ht="27" customHeight="1" x14ac:dyDescent="0.15">
      <c r="A5437" s="13"/>
      <c r="B5437" s="14"/>
      <c r="C5437" s="13"/>
      <c r="D5437" s="14"/>
      <c r="E5437" s="14"/>
      <c r="F5437" s="16"/>
      <c r="G5437" s="3"/>
      <c r="H5437" s="3"/>
      <c r="I5437" s="3"/>
      <c r="J5437" s="3"/>
      <c r="K5437" s="3"/>
      <c r="L5437" s="3"/>
    </row>
    <row r="5438" spans="1:12" s="22" customFormat="1" ht="27" customHeight="1" x14ac:dyDescent="0.15">
      <c r="A5438" s="13"/>
      <c r="B5438" s="14"/>
      <c r="C5438" s="13"/>
      <c r="D5438" s="14"/>
      <c r="E5438" s="14"/>
      <c r="F5438" s="16"/>
      <c r="G5438" s="3"/>
      <c r="H5438" s="3"/>
      <c r="I5438" s="3"/>
      <c r="J5438" s="3"/>
      <c r="K5438" s="3"/>
      <c r="L5438" s="3"/>
    </row>
    <row r="5439" spans="1:12" s="22" customFormat="1" ht="27" customHeight="1" x14ac:dyDescent="0.15">
      <c r="A5439" s="13"/>
      <c r="B5439" s="14"/>
      <c r="C5439" s="13"/>
      <c r="D5439" s="14"/>
      <c r="E5439" s="14"/>
      <c r="F5439" s="16"/>
      <c r="G5439" s="3"/>
      <c r="H5439" s="3"/>
      <c r="I5439" s="3"/>
      <c r="J5439" s="3"/>
      <c r="K5439" s="3"/>
      <c r="L5439" s="3"/>
    </row>
    <row r="5440" spans="1:12" s="22" customFormat="1" ht="27" customHeight="1" x14ac:dyDescent="0.15">
      <c r="A5440" s="13"/>
      <c r="B5440" s="14"/>
      <c r="C5440" s="13"/>
      <c r="D5440" s="14"/>
      <c r="E5440" s="14"/>
      <c r="F5440" s="16"/>
      <c r="G5440" s="3"/>
      <c r="H5440" s="3"/>
      <c r="I5440" s="3"/>
      <c r="J5440" s="3"/>
      <c r="K5440" s="3"/>
      <c r="L5440" s="3"/>
    </row>
    <row r="5441" spans="1:12" s="22" customFormat="1" ht="27" customHeight="1" x14ac:dyDescent="0.15">
      <c r="A5441" s="13"/>
      <c r="B5441" s="14"/>
      <c r="C5441" s="13"/>
      <c r="D5441" s="14"/>
      <c r="E5441" s="14"/>
      <c r="F5441" s="16"/>
      <c r="G5441" s="3"/>
      <c r="H5441" s="3"/>
      <c r="I5441" s="3"/>
      <c r="J5441" s="3"/>
      <c r="K5441" s="3"/>
      <c r="L5441" s="3"/>
    </row>
    <row r="5442" spans="1:12" s="22" customFormat="1" ht="27" customHeight="1" x14ac:dyDescent="0.15">
      <c r="A5442" s="13"/>
      <c r="B5442" s="14"/>
      <c r="C5442" s="13"/>
      <c r="D5442" s="14"/>
      <c r="E5442" s="14"/>
      <c r="F5442" s="16"/>
      <c r="G5442" s="3"/>
      <c r="H5442" s="3"/>
      <c r="I5442" s="3"/>
      <c r="J5442" s="3"/>
      <c r="K5442" s="3"/>
      <c r="L5442" s="3"/>
    </row>
    <row r="5443" spans="1:12" s="22" customFormat="1" ht="27" customHeight="1" x14ac:dyDescent="0.15">
      <c r="A5443" s="13"/>
      <c r="B5443" s="14"/>
      <c r="C5443" s="13"/>
      <c r="D5443" s="14"/>
      <c r="E5443" s="14"/>
      <c r="F5443" s="16"/>
      <c r="G5443" s="3"/>
      <c r="H5443" s="3"/>
      <c r="I5443" s="3"/>
      <c r="J5443" s="3"/>
      <c r="K5443" s="3"/>
      <c r="L5443" s="3"/>
    </row>
    <row r="5444" spans="1:12" s="22" customFormat="1" ht="27" customHeight="1" x14ac:dyDescent="0.15">
      <c r="A5444" s="13"/>
      <c r="B5444" s="14"/>
      <c r="C5444" s="13"/>
      <c r="D5444" s="14"/>
      <c r="E5444" s="14"/>
      <c r="F5444" s="16"/>
      <c r="G5444" s="3"/>
      <c r="H5444" s="3"/>
      <c r="I5444" s="3"/>
      <c r="J5444" s="3"/>
      <c r="K5444" s="3"/>
      <c r="L5444" s="3"/>
    </row>
    <row r="5445" spans="1:12" s="22" customFormat="1" ht="27" customHeight="1" x14ac:dyDescent="0.15">
      <c r="A5445" s="13"/>
      <c r="B5445" s="14"/>
      <c r="C5445" s="13"/>
      <c r="D5445" s="14"/>
      <c r="E5445" s="14"/>
      <c r="F5445" s="16"/>
      <c r="G5445" s="3"/>
      <c r="H5445" s="3"/>
      <c r="I5445" s="3"/>
      <c r="J5445" s="3"/>
      <c r="K5445" s="3"/>
      <c r="L5445" s="3"/>
    </row>
    <row r="5446" spans="1:12" s="22" customFormat="1" ht="27" customHeight="1" x14ac:dyDescent="0.15">
      <c r="A5446" s="13"/>
      <c r="B5446" s="14"/>
      <c r="C5446" s="13"/>
      <c r="D5446" s="14"/>
      <c r="E5446" s="14"/>
      <c r="F5446" s="16"/>
      <c r="G5446" s="3"/>
      <c r="H5446" s="3"/>
      <c r="I5446" s="3"/>
      <c r="J5446" s="3"/>
      <c r="K5446" s="3"/>
      <c r="L5446" s="3"/>
    </row>
    <row r="5447" spans="1:12" s="22" customFormat="1" ht="27" customHeight="1" x14ac:dyDescent="0.15">
      <c r="A5447" s="13"/>
      <c r="B5447" s="14"/>
      <c r="C5447" s="13"/>
      <c r="D5447" s="14"/>
      <c r="E5447" s="14"/>
      <c r="F5447" s="16"/>
      <c r="G5447" s="3"/>
      <c r="H5447" s="3"/>
      <c r="I5447" s="3"/>
      <c r="J5447" s="3"/>
      <c r="K5447" s="3"/>
      <c r="L5447" s="3"/>
    </row>
    <row r="5448" spans="1:12" s="22" customFormat="1" ht="27" customHeight="1" x14ac:dyDescent="0.15">
      <c r="A5448" s="13"/>
      <c r="B5448" s="14"/>
      <c r="C5448" s="13"/>
      <c r="D5448" s="14"/>
      <c r="E5448" s="14"/>
      <c r="F5448" s="16"/>
      <c r="G5448" s="3"/>
      <c r="H5448" s="3"/>
      <c r="I5448" s="3"/>
      <c r="J5448" s="3"/>
      <c r="K5448" s="3"/>
      <c r="L5448" s="3"/>
    </row>
    <row r="5449" spans="1:12" s="22" customFormat="1" ht="27" customHeight="1" x14ac:dyDescent="0.15">
      <c r="A5449" s="13"/>
      <c r="B5449" s="14"/>
      <c r="C5449" s="13"/>
      <c r="D5449" s="14"/>
      <c r="E5449" s="14"/>
      <c r="F5449" s="16"/>
      <c r="G5449" s="3"/>
      <c r="H5449" s="3"/>
      <c r="I5449" s="3"/>
      <c r="J5449" s="3"/>
      <c r="K5449" s="3"/>
      <c r="L5449" s="3"/>
    </row>
    <row r="5450" spans="1:12" s="22" customFormat="1" ht="27" customHeight="1" x14ac:dyDescent="0.15">
      <c r="A5450" s="13"/>
      <c r="B5450" s="14"/>
      <c r="C5450" s="13"/>
      <c r="D5450" s="14"/>
      <c r="E5450" s="14"/>
      <c r="F5450" s="16"/>
      <c r="G5450" s="3"/>
      <c r="H5450" s="3"/>
      <c r="I5450" s="3"/>
      <c r="J5450" s="3"/>
      <c r="K5450" s="3"/>
      <c r="L5450" s="3"/>
    </row>
    <row r="5451" spans="1:12" s="22" customFormat="1" ht="27" customHeight="1" x14ac:dyDescent="0.15">
      <c r="A5451" s="13"/>
      <c r="B5451" s="14"/>
      <c r="C5451" s="13"/>
      <c r="D5451" s="14"/>
      <c r="E5451" s="14"/>
      <c r="F5451" s="16"/>
      <c r="G5451" s="3"/>
      <c r="H5451" s="3"/>
      <c r="I5451" s="3"/>
      <c r="J5451" s="3"/>
      <c r="K5451" s="3"/>
      <c r="L5451" s="3"/>
    </row>
    <row r="5452" spans="1:12" s="22" customFormat="1" ht="27" customHeight="1" x14ac:dyDescent="0.15">
      <c r="A5452" s="13"/>
      <c r="B5452" s="14"/>
      <c r="C5452" s="13"/>
      <c r="D5452" s="14"/>
      <c r="E5452" s="14"/>
      <c r="F5452" s="16"/>
      <c r="G5452" s="3"/>
      <c r="H5452" s="3"/>
      <c r="I5452" s="3"/>
      <c r="J5452" s="3"/>
      <c r="K5452" s="3"/>
      <c r="L5452" s="3"/>
    </row>
    <row r="5453" spans="1:12" s="22" customFormat="1" ht="27" customHeight="1" x14ac:dyDescent="0.15">
      <c r="A5453" s="13"/>
      <c r="B5453" s="14"/>
      <c r="C5453" s="13"/>
      <c r="D5453" s="14"/>
      <c r="E5453" s="14"/>
      <c r="F5453" s="16"/>
      <c r="G5453" s="3"/>
      <c r="H5453" s="3"/>
      <c r="I5453" s="3"/>
      <c r="J5453" s="3"/>
      <c r="K5453" s="3"/>
      <c r="L5453" s="3"/>
    </row>
    <row r="5454" spans="1:12" s="22" customFormat="1" ht="27" customHeight="1" x14ac:dyDescent="0.15">
      <c r="A5454" s="13"/>
      <c r="B5454" s="14"/>
      <c r="C5454" s="13"/>
      <c r="D5454" s="14"/>
      <c r="E5454" s="14"/>
      <c r="F5454" s="16"/>
      <c r="G5454" s="3"/>
      <c r="H5454" s="3"/>
      <c r="I5454" s="3"/>
      <c r="J5454" s="3"/>
      <c r="K5454" s="3"/>
      <c r="L5454" s="3"/>
    </row>
    <row r="5455" spans="1:12" s="22" customFormat="1" ht="27" customHeight="1" x14ac:dyDescent="0.15">
      <c r="A5455" s="13"/>
      <c r="B5455" s="14"/>
      <c r="C5455" s="13"/>
      <c r="D5455" s="14"/>
      <c r="E5455" s="14"/>
      <c r="F5455" s="16"/>
      <c r="G5455" s="3"/>
      <c r="H5455" s="3"/>
      <c r="I5455" s="3"/>
      <c r="J5455" s="3"/>
      <c r="K5455" s="3"/>
      <c r="L5455" s="3"/>
    </row>
    <row r="5456" spans="1:12" s="22" customFormat="1" ht="27" customHeight="1" x14ac:dyDescent="0.15">
      <c r="A5456" s="13"/>
      <c r="B5456" s="14"/>
      <c r="C5456" s="13"/>
      <c r="D5456" s="14"/>
      <c r="E5456" s="14"/>
      <c r="F5456" s="16"/>
      <c r="G5456" s="3"/>
      <c r="H5456" s="3"/>
      <c r="I5456" s="3"/>
      <c r="J5456" s="3"/>
      <c r="K5456" s="3"/>
      <c r="L5456" s="3"/>
    </row>
    <row r="5457" spans="1:12" s="22" customFormat="1" ht="27" customHeight="1" x14ac:dyDescent="0.15">
      <c r="A5457" s="13"/>
      <c r="B5457" s="14"/>
      <c r="C5457" s="13"/>
      <c r="D5457" s="14"/>
      <c r="E5457" s="14"/>
      <c r="F5457" s="16"/>
      <c r="G5457" s="3"/>
      <c r="H5457" s="3"/>
      <c r="I5457" s="3"/>
      <c r="J5457" s="3"/>
      <c r="K5457" s="3"/>
      <c r="L5457" s="3"/>
    </row>
    <row r="5458" spans="1:12" s="22" customFormat="1" ht="27" customHeight="1" x14ac:dyDescent="0.15">
      <c r="A5458" s="13"/>
      <c r="B5458" s="14"/>
      <c r="C5458" s="13"/>
      <c r="D5458" s="14"/>
      <c r="E5458" s="14"/>
      <c r="F5458" s="16"/>
      <c r="G5458" s="3"/>
      <c r="H5458" s="3"/>
      <c r="I5458" s="3"/>
      <c r="J5458" s="3"/>
      <c r="K5458" s="3"/>
      <c r="L5458" s="3"/>
    </row>
    <row r="5459" spans="1:12" s="22" customFormat="1" ht="27" customHeight="1" x14ac:dyDescent="0.15">
      <c r="A5459" s="13"/>
      <c r="B5459" s="14"/>
      <c r="C5459" s="13"/>
      <c r="D5459" s="14"/>
      <c r="E5459" s="14"/>
      <c r="F5459" s="16"/>
      <c r="G5459" s="3"/>
      <c r="H5459" s="3"/>
      <c r="I5459" s="3"/>
      <c r="J5459" s="3"/>
      <c r="K5459" s="3"/>
      <c r="L5459" s="3"/>
    </row>
    <row r="5460" spans="1:12" s="22" customFormat="1" ht="27" customHeight="1" x14ac:dyDescent="0.15">
      <c r="A5460" s="13"/>
      <c r="B5460" s="14"/>
      <c r="C5460" s="13"/>
      <c r="D5460" s="14"/>
      <c r="E5460" s="14"/>
      <c r="F5460" s="16"/>
      <c r="G5460" s="3"/>
      <c r="H5460" s="3"/>
      <c r="I5460" s="3"/>
      <c r="J5460" s="3"/>
      <c r="K5460" s="3"/>
      <c r="L5460" s="3"/>
    </row>
    <row r="5461" spans="1:12" s="22" customFormat="1" ht="27" customHeight="1" x14ac:dyDescent="0.15">
      <c r="A5461" s="13"/>
      <c r="B5461" s="14"/>
      <c r="C5461" s="13"/>
      <c r="D5461" s="14"/>
      <c r="E5461" s="14"/>
      <c r="F5461" s="16"/>
      <c r="G5461" s="3"/>
      <c r="H5461" s="3"/>
      <c r="I5461" s="3"/>
      <c r="J5461" s="3"/>
      <c r="K5461" s="3"/>
      <c r="L5461" s="3"/>
    </row>
    <row r="5462" spans="1:12" s="22" customFormat="1" ht="27" customHeight="1" x14ac:dyDescent="0.15">
      <c r="A5462" s="13"/>
      <c r="B5462" s="14"/>
      <c r="C5462" s="13"/>
      <c r="D5462" s="14"/>
      <c r="E5462" s="14"/>
      <c r="F5462" s="16"/>
      <c r="G5462" s="3"/>
      <c r="H5462" s="3"/>
      <c r="I5462" s="3"/>
      <c r="J5462" s="3"/>
      <c r="K5462" s="3"/>
      <c r="L5462" s="3"/>
    </row>
    <row r="5463" spans="1:12" s="22" customFormat="1" ht="27" customHeight="1" x14ac:dyDescent="0.15">
      <c r="A5463" s="13"/>
      <c r="B5463" s="14"/>
      <c r="C5463" s="13"/>
      <c r="D5463" s="14"/>
      <c r="E5463" s="14"/>
      <c r="F5463" s="16"/>
      <c r="G5463" s="3"/>
      <c r="H5463" s="3"/>
      <c r="I5463" s="3"/>
      <c r="J5463" s="3"/>
      <c r="K5463" s="3"/>
      <c r="L5463" s="3"/>
    </row>
    <row r="5464" spans="1:12" s="22" customFormat="1" ht="27" customHeight="1" x14ac:dyDescent="0.15">
      <c r="A5464" s="13"/>
      <c r="B5464" s="14"/>
      <c r="C5464" s="13"/>
      <c r="D5464" s="14"/>
      <c r="E5464" s="14"/>
      <c r="F5464" s="16"/>
      <c r="G5464" s="3"/>
      <c r="H5464" s="3"/>
      <c r="I5464" s="3"/>
      <c r="J5464" s="3"/>
      <c r="K5464" s="3"/>
      <c r="L5464" s="3"/>
    </row>
    <row r="5465" spans="1:12" s="22" customFormat="1" ht="27" customHeight="1" x14ac:dyDescent="0.15">
      <c r="A5465" s="13"/>
      <c r="B5465" s="14"/>
      <c r="C5465" s="13"/>
      <c r="D5465" s="14"/>
      <c r="E5465" s="14"/>
      <c r="F5465" s="16"/>
      <c r="G5465" s="3"/>
      <c r="H5465" s="3"/>
      <c r="I5465" s="3"/>
      <c r="J5465" s="3"/>
      <c r="K5465" s="3"/>
      <c r="L5465" s="3"/>
    </row>
    <row r="5466" spans="1:12" s="22" customFormat="1" ht="27" customHeight="1" x14ac:dyDescent="0.15">
      <c r="A5466" s="13"/>
      <c r="B5466" s="14"/>
      <c r="C5466" s="13"/>
      <c r="D5466" s="14"/>
      <c r="E5466" s="14"/>
      <c r="F5466" s="16"/>
      <c r="G5466" s="3"/>
      <c r="H5466" s="3"/>
      <c r="I5466" s="3"/>
      <c r="J5466" s="3"/>
      <c r="K5466" s="3"/>
      <c r="L5466" s="3"/>
    </row>
    <row r="5467" spans="1:12" s="22" customFormat="1" ht="27" customHeight="1" x14ac:dyDescent="0.15">
      <c r="A5467" s="13"/>
      <c r="B5467" s="14"/>
      <c r="C5467" s="13"/>
      <c r="D5467" s="14"/>
      <c r="E5467" s="14"/>
      <c r="F5467" s="16"/>
      <c r="G5467" s="3"/>
      <c r="H5467" s="3"/>
      <c r="I5467" s="3"/>
      <c r="J5467" s="3"/>
      <c r="K5467" s="3"/>
      <c r="L5467" s="3"/>
    </row>
    <row r="5468" spans="1:12" s="22" customFormat="1" ht="27" customHeight="1" x14ac:dyDescent="0.15">
      <c r="A5468" s="13"/>
      <c r="B5468" s="14"/>
      <c r="C5468" s="13"/>
      <c r="D5468" s="14"/>
      <c r="E5468" s="14"/>
      <c r="F5468" s="16"/>
      <c r="G5468" s="3"/>
      <c r="H5468" s="3"/>
      <c r="I5468" s="3"/>
      <c r="J5468" s="3"/>
      <c r="K5468" s="3"/>
      <c r="L5468" s="3"/>
    </row>
    <row r="5469" spans="1:12" s="22" customFormat="1" ht="27" customHeight="1" x14ac:dyDescent="0.15">
      <c r="A5469" s="13"/>
      <c r="B5469" s="14"/>
      <c r="C5469" s="13"/>
      <c r="D5469" s="14"/>
      <c r="E5469" s="14"/>
      <c r="F5469" s="16"/>
      <c r="G5469" s="3"/>
      <c r="H5469" s="3"/>
      <c r="I5469" s="3"/>
      <c r="J5469" s="3"/>
      <c r="K5469" s="3"/>
      <c r="L5469" s="3"/>
    </row>
    <row r="5470" spans="1:12" s="22" customFormat="1" ht="27" customHeight="1" x14ac:dyDescent="0.15">
      <c r="A5470" s="13"/>
      <c r="B5470" s="14"/>
      <c r="C5470" s="13"/>
      <c r="D5470" s="14"/>
      <c r="E5470" s="14"/>
      <c r="F5470" s="16"/>
      <c r="G5470" s="3"/>
      <c r="H5470" s="3"/>
      <c r="I5470" s="3"/>
      <c r="J5470" s="3"/>
      <c r="K5470" s="3"/>
      <c r="L5470" s="3"/>
    </row>
    <row r="5471" spans="1:12" s="22" customFormat="1" ht="27" customHeight="1" x14ac:dyDescent="0.15">
      <c r="A5471" s="13"/>
      <c r="B5471" s="14"/>
      <c r="C5471" s="13"/>
      <c r="D5471" s="14"/>
      <c r="E5471" s="14"/>
      <c r="F5471" s="16"/>
      <c r="G5471" s="3"/>
      <c r="H5471" s="3"/>
      <c r="I5471" s="3"/>
      <c r="J5471" s="3"/>
      <c r="K5471" s="3"/>
      <c r="L5471" s="3"/>
    </row>
    <row r="5472" spans="1:12" s="22" customFormat="1" ht="27" customHeight="1" x14ac:dyDescent="0.15">
      <c r="A5472" s="13"/>
      <c r="B5472" s="14"/>
      <c r="C5472" s="13"/>
      <c r="D5472" s="14"/>
      <c r="E5472" s="14"/>
      <c r="F5472" s="16"/>
      <c r="G5472" s="3"/>
      <c r="H5472" s="3"/>
      <c r="I5472" s="3"/>
      <c r="J5472" s="3"/>
      <c r="K5472" s="3"/>
      <c r="L5472" s="3"/>
    </row>
    <row r="5473" spans="1:12" s="22" customFormat="1" ht="27" customHeight="1" x14ac:dyDescent="0.15">
      <c r="A5473" s="13"/>
      <c r="B5473" s="14"/>
      <c r="C5473" s="13"/>
      <c r="D5473" s="14"/>
      <c r="E5473" s="14"/>
      <c r="F5473" s="16"/>
      <c r="G5473" s="3"/>
      <c r="H5473" s="3"/>
      <c r="I5473" s="3"/>
      <c r="J5473" s="3"/>
      <c r="K5473" s="3"/>
      <c r="L5473" s="3"/>
    </row>
    <row r="5474" spans="1:12" s="22" customFormat="1" ht="27" customHeight="1" x14ac:dyDescent="0.15">
      <c r="A5474" s="13"/>
      <c r="B5474" s="14"/>
      <c r="C5474" s="13"/>
      <c r="D5474" s="14"/>
      <c r="E5474" s="14"/>
      <c r="F5474" s="16"/>
      <c r="G5474" s="3"/>
      <c r="H5474" s="3"/>
      <c r="I5474" s="3"/>
      <c r="J5474" s="3"/>
      <c r="K5474" s="3"/>
      <c r="L5474" s="3"/>
    </row>
    <row r="5475" spans="1:12" s="22" customFormat="1" ht="27" customHeight="1" x14ac:dyDescent="0.15">
      <c r="A5475" s="13"/>
      <c r="B5475" s="14"/>
      <c r="C5475" s="13"/>
      <c r="D5475" s="14"/>
      <c r="E5475" s="14"/>
      <c r="F5475" s="16"/>
      <c r="G5475" s="3"/>
      <c r="H5475" s="3"/>
      <c r="I5475" s="3"/>
      <c r="J5475" s="3"/>
      <c r="K5475" s="3"/>
      <c r="L5475" s="3"/>
    </row>
    <row r="5476" spans="1:12" s="22" customFormat="1" ht="27" customHeight="1" x14ac:dyDescent="0.15">
      <c r="A5476" s="13"/>
      <c r="B5476" s="14"/>
      <c r="C5476" s="13"/>
      <c r="D5476" s="14"/>
      <c r="E5476" s="14"/>
      <c r="F5476" s="16"/>
      <c r="G5476" s="3"/>
      <c r="H5476" s="3"/>
      <c r="I5476" s="3"/>
      <c r="J5476" s="3"/>
      <c r="K5476" s="3"/>
      <c r="L5476" s="3"/>
    </row>
    <row r="5477" spans="1:12" s="22" customFormat="1" ht="27" customHeight="1" x14ac:dyDescent="0.15">
      <c r="A5477" s="13"/>
      <c r="B5477" s="14"/>
      <c r="C5477" s="13"/>
      <c r="D5477" s="14"/>
      <c r="E5477" s="14"/>
      <c r="F5477" s="16"/>
      <c r="G5477" s="3"/>
      <c r="H5477" s="3"/>
      <c r="I5477" s="3"/>
      <c r="J5477" s="3"/>
      <c r="K5477" s="3"/>
      <c r="L5477" s="3"/>
    </row>
    <row r="5478" spans="1:12" s="22" customFormat="1" ht="27" customHeight="1" x14ac:dyDescent="0.15">
      <c r="A5478" s="13"/>
      <c r="B5478" s="14"/>
      <c r="C5478" s="13"/>
      <c r="D5478" s="14"/>
      <c r="E5478" s="14"/>
      <c r="F5478" s="16"/>
      <c r="G5478" s="3"/>
      <c r="H5478" s="3"/>
      <c r="I5478" s="3"/>
      <c r="J5478" s="3"/>
      <c r="K5478" s="3"/>
      <c r="L5478" s="3"/>
    </row>
    <row r="5479" spans="1:12" s="22" customFormat="1" ht="27" customHeight="1" x14ac:dyDescent="0.15">
      <c r="A5479" s="13"/>
      <c r="B5479" s="14"/>
      <c r="C5479" s="13"/>
      <c r="D5479" s="14"/>
      <c r="E5479" s="14"/>
      <c r="F5479" s="16"/>
      <c r="G5479" s="3"/>
      <c r="H5479" s="3"/>
      <c r="I5479" s="3"/>
      <c r="J5479" s="3"/>
      <c r="K5479" s="3"/>
      <c r="L5479" s="3"/>
    </row>
    <row r="5480" spans="1:12" s="22" customFormat="1" ht="27" customHeight="1" x14ac:dyDescent="0.15">
      <c r="A5480" s="13"/>
      <c r="B5480" s="14"/>
      <c r="C5480" s="13"/>
      <c r="D5480" s="14"/>
      <c r="E5480" s="14"/>
      <c r="F5480" s="16"/>
      <c r="G5480" s="3"/>
      <c r="H5480" s="3"/>
      <c r="I5480" s="3"/>
      <c r="J5480" s="3"/>
      <c r="K5480" s="3"/>
      <c r="L5480" s="3"/>
    </row>
    <row r="5481" spans="1:12" s="22" customFormat="1" ht="27" customHeight="1" x14ac:dyDescent="0.15">
      <c r="A5481" s="13"/>
      <c r="B5481" s="14"/>
      <c r="C5481" s="13"/>
      <c r="D5481" s="14"/>
      <c r="E5481" s="14"/>
      <c r="F5481" s="16"/>
      <c r="G5481" s="3"/>
      <c r="H5481" s="3"/>
      <c r="I5481" s="3"/>
      <c r="J5481" s="3"/>
      <c r="K5481" s="3"/>
      <c r="L5481" s="3"/>
    </row>
    <row r="5482" spans="1:12" s="22" customFormat="1" ht="27" customHeight="1" x14ac:dyDescent="0.15">
      <c r="A5482" s="13"/>
      <c r="B5482" s="14"/>
      <c r="C5482" s="13"/>
      <c r="D5482" s="14"/>
      <c r="E5482" s="14"/>
      <c r="F5482" s="16"/>
      <c r="G5482" s="3"/>
      <c r="H5482" s="3"/>
      <c r="I5482" s="3"/>
      <c r="J5482" s="3"/>
      <c r="K5482" s="3"/>
      <c r="L5482" s="3"/>
    </row>
    <row r="5483" spans="1:12" s="22" customFormat="1" ht="27" customHeight="1" x14ac:dyDescent="0.15">
      <c r="A5483" s="13"/>
      <c r="B5483" s="14"/>
      <c r="C5483" s="13"/>
      <c r="D5483" s="14"/>
      <c r="E5483" s="14"/>
      <c r="F5483" s="16"/>
      <c r="G5483" s="3"/>
      <c r="H5483" s="3"/>
      <c r="I5483" s="3"/>
      <c r="J5483" s="3"/>
      <c r="K5483" s="3"/>
      <c r="L5483" s="3"/>
    </row>
    <row r="5484" spans="1:12" s="22" customFormat="1" ht="27" customHeight="1" x14ac:dyDescent="0.15">
      <c r="A5484" s="13"/>
      <c r="B5484" s="14"/>
      <c r="C5484" s="13"/>
      <c r="D5484" s="14"/>
      <c r="E5484" s="14"/>
      <c r="F5484" s="16"/>
      <c r="G5484" s="3"/>
      <c r="H5484" s="3"/>
      <c r="I5484" s="3"/>
      <c r="J5484" s="3"/>
      <c r="K5484" s="3"/>
      <c r="L5484" s="3"/>
    </row>
    <row r="5485" spans="1:12" s="22" customFormat="1" ht="27" customHeight="1" x14ac:dyDescent="0.15">
      <c r="A5485" s="13"/>
      <c r="B5485" s="14"/>
      <c r="C5485" s="13"/>
      <c r="D5485" s="14"/>
      <c r="E5485" s="14"/>
      <c r="F5485" s="16"/>
      <c r="G5485" s="3"/>
      <c r="H5485" s="3"/>
      <c r="I5485" s="3"/>
      <c r="J5485" s="3"/>
      <c r="K5485" s="3"/>
      <c r="L5485" s="3"/>
    </row>
    <row r="5486" spans="1:12" s="22" customFormat="1" ht="27" customHeight="1" x14ac:dyDescent="0.15">
      <c r="A5486" s="13"/>
      <c r="B5486" s="14"/>
      <c r="C5486" s="13"/>
      <c r="D5486" s="14"/>
      <c r="E5486" s="14"/>
      <c r="F5486" s="16"/>
      <c r="G5486" s="3"/>
      <c r="H5486" s="3"/>
      <c r="I5486" s="3"/>
      <c r="J5486" s="3"/>
      <c r="K5486" s="3"/>
      <c r="L5486" s="3"/>
    </row>
    <row r="5487" spans="1:12" s="22" customFormat="1" ht="27" customHeight="1" x14ac:dyDescent="0.15">
      <c r="A5487" s="13"/>
      <c r="B5487" s="14"/>
      <c r="C5487" s="13"/>
      <c r="D5487" s="14"/>
      <c r="E5487" s="14"/>
      <c r="F5487" s="16"/>
      <c r="G5487" s="3"/>
      <c r="H5487" s="3"/>
      <c r="I5487" s="3"/>
      <c r="J5487" s="3"/>
      <c r="K5487" s="3"/>
      <c r="L5487" s="3"/>
    </row>
    <row r="5488" spans="1:12" s="22" customFormat="1" ht="27" customHeight="1" x14ac:dyDescent="0.15">
      <c r="A5488" s="13"/>
      <c r="B5488" s="14"/>
      <c r="C5488" s="13"/>
      <c r="D5488" s="14"/>
      <c r="E5488" s="14"/>
      <c r="F5488" s="16"/>
      <c r="G5488" s="3"/>
      <c r="H5488" s="3"/>
      <c r="I5488" s="3"/>
      <c r="J5488" s="3"/>
      <c r="K5488" s="3"/>
      <c r="L5488" s="3"/>
    </row>
    <row r="5489" spans="1:12" s="22" customFormat="1" ht="27" customHeight="1" x14ac:dyDescent="0.15">
      <c r="A5489" s="13"/>
      <c r="B5489" s="14"/>
      <c r="C5489" s="13"/>
      <c r="D5489" s="14"/>
      <c r="E5489" s="14"/>
      <c r="F5489" s="16"/>
      <c r="G5489" s="3"/>
      <c r="H5489" s="3"/>
      <c r="I5489" s="3"/>
      <c r="J5489" s="3"/>
      <c r="K5489" s="3"/>
      <c r="L5489" s="3"/>
    </row>
    <row r="5490" spans="1:12" s="22" customFormat="1" ht="27" customHeight="1" x14ac:dyDescent="0.15">
      <c r="A5490" s="13"/>
      <c r="B5490" s="14"/>
      <c r="C5490" s="13"/>
      <c r="D5490" s="14"/>
      <c r="E5490" s="14"/>
      <c r="F5490" s="16"/>
      <c r="G5490" s="3"/>
      <c r="H5490" s="3"/>
      <c r="I5490" s="3"/>
      <c r="J5490" s="3"/>
      <c r="K5490" s="3"/>
      <c r="L5490" s="3"/>
    </row>
    <row r="5491" spans="1:12" s="22" customFormat="1" ht="27" customHeight="1" x14ac:dyDescent="0.15">
      <c r="A5491" s="13"/>
      <c r="B5491" s="14"/>
      <c r="C5491" s="13"/>
      <c r="D5491" s="14"/>
      <c r="E5491" s="14"/>
      <c r="F5491" s="16"/>
      <c r="G5491" s="3"/>
      <c r="H5491" s="3"/>
      <c r="I5491" s="3"/>
      <c r="J5491" s="3"/>
      <c r="K5491" s="3"/>
      <c r="L5491" s="3"/>
    </row>
    <row r="5492" spans="1:12" s="22" customFormat="1" ht="27" customHeight="1" x14ac:dyDescent="0.15">
      <c r="A5492" s="13"/>
      <c r="B5492" s="14"/>
      <c r="C5492" s="13"/>
      <c r="D5492" s="14"/>
      <c r="E5492" s="14"/>
      <c r="F5492" s="16"/>
      <c r="G5492" s="3"/>
      <c r="H5492" s="3"/>
      <c r="I5492" s="3"/>
      <c r="J5492" s="3"/>
      <c r="K5492" s="3"/>
      <c r="L5492" s="3"/>
    </row>
    <row r="5493" spans="1:12" s="22" customFormat="1" ht="27" customHeight="1" x14ac:dyDescent="0.15">
      <c r="A5493" s="13"/>
      <c r="B5493" s="14"/>
      <c r="C5493" s="13"/>
      <c r="D5493" s="14"/>
      <c r="E5493" s="14"/>
      <c r="F5493" s="16"/>
      <c r="G5493" s="3"/>
      <c r="H5493" s="3"/>
      <c r="I5493" s="3"/>
      <c r="J5493" s="3"/>
      <c r="K5493" s="3"/>
      <c r="L5493" s="3"/>
    </row>
    <row r="5494" spans="1:12" s="22" customFormat="1" ht="27" customHeight="1" x14ac:dyDescent="0.15">
      <c r="A5494" s="13"/>
      <c r="B5494" s="14"/>
      <c r="C5494" s="13"/>
      <c r="D5494" s="14"/>
      <c r="E5494" s="14"/>
      <c r="F5494" s="16"/>
      <c r="G5494" s="3"/>
      <c r="H5494" s="3"/>
      <c r="I5494" s="3"/>
      <c r="J5494" s="3"/>
      <c r="K5494" s="3"/>
      <c r="L5494" s="3"/>
    </row>
    <row r="5495" spans="1:12" s="22" customFormat="1" ht="27" customHeight="1" x14ac:dyDescent="0.15">
      <c r="A5495" s="13"/>
      <c r="B5495" s="14"/>
      <c r="C5495" s="13"/>
      <c r="D5495" s="14"/>
      <c r="E5495" s="14"/>
      <c r="F5495" s="16"/>
      <c r="G5495" s="3"/>
      <c r="H5495" s="3"/>
      <c r="I5495" s="3"/>
      <c r="J5495" s="3"/>
      <c r="K5495" s="3"/>
      <c r="L5495" s="3"/>
    </row>
    <row r="5496" spans="1:12" s="22" customFormat="1" ht="27" customHeight="1" x14ac:dyDescent="0.15">
      <c r="A5496" s="13"/>
      <c r="B5496" s="14"/>
      <c r="C5496" s="13"/>
      <c r="D5496" s="14"/>
      <c r="E5496" s="14"/>
      <c r="F5496" s="16"/>
      <c r="G5496" s="3"/>
      <c r="H5496" s="3"/>
      <c r="I5496" s="3"/>
      <c r="J5496" s="3"/>
      <c r="K5496" s="3"/>
      <c r="L5496" s="3"/>
    </row>
    <row r="5497" spans="1:12" s="22" customFormat="1" ht="27" customHeight="1" x14ac:dyDescent="0.15">
      <c r="A5497" s="13"/>
      <c r="B5497" s="14"/>
      <c r="C5497" s="13"/>
      <c r="D5497" s="14"/>
      <c r="E5497" s="14"/>
      <c r="F5497" s="16"/>
      <c r="G5497" s="3"/>
      <c r="H5497" s="3"/>
      <c r="I5497" s="3"/>
      <c r="J5497" s="3"/>
      <c r="K5497" s="3"/>
      <c r="L5497" s="3"/>
    </row>
    <row r="5498" spans="1:12" s="22" customFormat="1" ht="27" customHeight="1" x14ac:dyDescent="0.15">
      <c r="A5498" s="13"/>
      <c r="B5498" s="14"/>
      <c r="C5498" s="13"/>
      <c r="D5498" s="14"/>
      <c r="E5498" s="14"/>
      <c r="F5498" s="16"/>
      <c r="G5498" s="3"/>
      <c r="H5498" s="3"/>
      <c r="I5498" s="3"/>
      <c r="J5498" s="3"/>
      <c r="K5498" s="3"/>
      <c r="L5498" s="3"/>
    </row>
    <row r="5499" spans="1:12" s="22" customFormat="1" ht="27" customHeight="1" x14ac:dyDescent="0.15">
      <c r="A5499" s="13"/>
      <c r="B5499" s="14"/>
      <c r="C5499" s="13"/>
      <c r="D5499" s="14"/>
      <c r="E5499" s="14"/>
      <c r="F5499" s="16"/>
      <c r="G5499" s="3"/>
      <c r="H5499" s="3"/>
      <c r="I5499" s="3"/>
      <c r="J5499" s="3"/>
      <c r="K5499" s="3"/>
      <c r="L5499" s="3"/>
    </row>
    <row r="5500" spans="1:12" s="22" customFormat="1" ht="27" customHeight="1" x14ac:dyDescent="0.15">
      <c r="A5500" s="13"/>
      <c r="B5500" s="14"/>
      <c r="C5500" s="13"/>
      <c r="D5500" s="14"/>
      <c r="E5500" s="14"/>
      <c r="F5500" s="16"/>
      <c r="G5500" s="3"/>
      <c r="H5500" s="3"/>
      <c r="I5500" s="3"/>
      <c r="J5500" s="3"/>
      <c r="K5500" s="3"/>
      <c r="L5500" s="3"/>
    </row>
    <row r="5501" spans="1:12" s="22" customFormat="1" ht="27" customHeight="1" x14ac:dyDescent="0.15">
      <c r="A5501" s="13"/>
      <c r="B5501" s="14"/>
      <c r="C5501" s="13"/>
      <c r="D5501" s="14"/>
      <c r="E5501" s="14"/>
      <c r="F5501" s="16"/>
      <c r="G5501" s="3"/>
      <c r="H5501" s="3"/>
      <c r="I5501" s="3"/>
      <c r="J5501" s="3"/>
      <c r="K5501" s="3"/>
      <c r="L5501" s="3"/>
    </row>
    <row r="5502" spans="1:12" s="22" customFormat="1" ht="27" customHeight="1" x14ac:dyDescent="0.15">
      <c r="A5502" s="13"/>
      <c r="B5502" s="14"/>
      <c r="C5502" s="13"/>
      <c r="D5502" s="14"/>
      <c r="E5502" s="14"/>
      <c r="F5502" s="16"/>
      <c r="G5502" s="3"/>
      <c r="H5502" s="3"/>
      <c r="I5502" s="3"/>
      <c r="J5502" s="3"/>
      <c r="K5502" s="3"/>
      <c r="L5502" s="3"/>
    </row>
    <row r="5503" spans="1:12" s="22" customFormat="1" ht="27" customHeight="1" x14ac:dyDescent="0.15">
      <c r="A5503" s="13"/>
      <c r="B5503" s="14"/>
      <c r="C5503" s="13"/>
      <c r="D5503" s="14"/>
      <c r="E5503" s="14"/>
      <c r="F5503" s="16"/>
      <c r="G5503" s="3"/>
      <c r="H5503" s="3"/>
      <c r="I5503" s="3"/>
      <c r="J5503" s="3"/>
      <c r="K5503" s="3"/>
      <c r="L5503" s="3"/>
    </row>
    <row r="5504" spans="1:12" s="22" customFormat="1" ht="27" customHeight="1" x14ac:dyDescent="0.15">
      <c r="A5504" s="13"/>
      <c r="B5504" s="14"/>
      <c r="C5504" s="13"/>
      <c r="D5504" s="14"/>
      <c r="E5504" s="14"/>
      <c r="F5504" s="16"/>
      <c r="G5504" s="3"/>
      <c r="H5504" s="3"/>
      <c r="I5504" s="3"/>
      <c r="J5504" s="3"/>
      <c r="K5504" s="3"/>
      <c r="L5504" s="3"/>
    </row>
    <row r="5505" spans="1:12" s="22" customFormat="1" ht="27" customHeight="1" x14ac:dyDescent="0.15">
      <c r="A5505" s="13"/>
      <c r="B5505" s="14"/>
      <c r="C5505" s="13"/>
      <c r="D5505" s="14"/>
      <c r="E5505" s="14"/>
      <c r="F5505" s="16"/>
      <c r="G5505" s="3"/>
      <c r="H5505" s="3"/>
      <c r="I5505" s="3"/>
      <c r="J5505" s="3"/>
      <c r="K5505" s="3"/>
      <c r="L5505" s="3"/>
    </row>
    <row r="5506" spans="1:12" s="22" customFormat="1" ht="27" customHeight="1" x14ac:dyDescent="0.15">
      <c r="A5506" s="13"/>
      <c r="B5506" s="14"/>
      <c r="C5506" s="13"/>
      <c r="D5506" s="14"/>
      <c r="E5506" s="14"/>
      <c r="F5506" s="16"/>
      <c r="G5506" s="3"/>
      <c r="H5506" s="3"/>
      <c r="I5506" s="3"/>
      <c r="J5506" s="3"/>
      <c r="K5506" s="3"/>
      <c r="L5506" s="3"/>
    </row>
    <row r="5507" spans="1:12" s="22" customFormat="1" ht="27" customHeight="1" x14ac:dyDescent="0.15">
      <c r="A5507" s="13"/>
      <c r="B5507" s="14"/>
      <c r="C5507" s="13"/>
      <c r="D5507" s="14"/>
      <c r="E5507" s="14"/>
      <c r="F5507" s="16"/>
      <c r="G5507" s="3"/>
      <c r="H5507" s="3"/>
      <c r="I5507" s="3"/>
      <c r="J5507" s="3"/>
      <c r="K5507" s="3"/>
      <c r="L5507" s="3"/>
    </row>
    <row r="5508" spans="1:12" s="22" customFormat="1" ht="27" customHeight="1" x14ac:dyDescent="0.15">
      <c r="A5508" s="13"/>
      <c r="B5508" s="14"/>
      <c r="C5508" s="13"/>
      <c r="D5508" s="14"/>
      <c r="E5508" s="14"/>
      <c r="F5508" s="16"/>
      <c r="G5508" s="3"/>
      <c r="H5508" s="3"/>
      <c r="I5508" s="3"/>
      <c r="J5508" s="3"/>
      <c r="K5508" s="3"/>
      <c r="L5508" s="3"/>
    </row>
    <row r="5509" spans="1:12" s="22" customFormat="1" ht="27" customHeight="1" x14ac:dyDescent="0.15">
      <c r="A5509" s="13"/>
      <c r="B5509" s="14"/>
      <c r="C5509" s="13"/>
      <c r="D5509" s="14"/>
      <c r="E5509" s="14"/>
      <c r="F5509" s="16"/>
      <c r="G5509" s="3"/>
      <c r="H5509" s="3"/>
      <c r="I5509" s="3"/>
      <c r="J5509" s="3"/>
      <c r="K5509" s="3"/>
      <c r="L5509" s="3"/>
    </row>
    <row r="5510" spans="1:12" s="22" customFormat="1" ht="27" customHeight="1" x14ac:dyDescent="0.15">
      <c r="A5510" s="13"/>
      <c r="B5510" s="14"/>
      <c r="C5510" s="13"/>
      <c r="D5510" s="14"/>
      <c r="E5510" s="14"/>
      <c r="F5510" s="16"/>
      <c r="G5510" s="3"/>
      <c r="H5510" s="3"/>
      <c r="I5510" s="3"/>
      <c r="J5510" s="3"/>
      <c r="K5510" s="3"/>
      <c r="L5510" s="3"/>
    </row>
    <row r="5511" spans="1:12" s="22" customFormat="1" ht="27" customHeight="1" x14ac:dyDescent="0.15">
      <c r="A5511" s="13"/>
      <c r="B5511" s="14"/>
      <c r="C5511" s="13"/>
      <c r="D5511" s="14"/>
      <c r="E5511" s="14"/>
      <c r="F5511" s="16"/>
      <c r="G5511" s="3"/>
      <c r="H5511" s="3"/>
      <c r="I5511" s="3"/>
      <c r="J5511" s="3"/>
      <c r="K5511" s="3"/>
      <c r="L5511" s="3"/>
    </row>
    <row r="5512" spans="1:12" s="22" customFormat="1" ht="27" customHeight="1" x14ac:dyDescent="0.15">
      <c r="A5512" s="13"/>
      <c r="B5512" s="14"/>
      <c r="C5512" s="13"/>
      <c r="D5512" s="14"/>
      <c r="E5512" s="14"/>
      <c r="F5512" s="16"/>
      <c r="G5512" s="3"/>
      <c r="H5512" s="3"/>
      <c r="I5512" s="3"/>
      <c r="J5512" s="3"/>
      <c r="K5512" s="3"/>
      <c r="L5512" s="3"/>
    </row>
    <row r="5513" spans="1:12" s="22" customFormat="1" ht="27" customHeight="1" x14ac:dyDescent="0.15">
      <c r="A5513" s="13"/>
      <c r="B5513" s="14"/>
      <c r="C5513" s="13"/>
      <c r="D5513" s="14"/>
      <c r="E5513" s="14"/>
      <c r="F5513" s="16"/>
      <c r="G5513" s="3"/>
      <c r="H5513" s="3"/>
      <c r="I5513" s="3"/>
      <c r="J5513" s="3"/>
      <c r="K5513" s="3"/>
      <c r="L5513" s="3"/>
    </row>
    <row r="5514" spans="1:12" s="22" customFormat="1" ht="27" customHeight="1" x14ac:dyDescent="0.15">
      <c r="A5514" s="13"/>
      <c r="B5514" s="14"/>
      <c r="C5514" s="13"/>
      <c r="D5514" s="14"/>
      <c r="E5514" s="14"/>
      <c r="F5514" s="16"/>
      <c r="G5514" s="3"/>
      <c r="H5514" s="3"/>
      <c r="I5514" s="3"/>
      <c r="J5514" s="3"/>
      <c r="K5514" s="3"/>
      <c r="L5514" s="3"/>
    </row>
    <row r="5515" spans="1:12" s="22" customFormat="1" ht="27" customHeight="1" x14ac:dyDescent="0.15">
      <c r="A5515" s="13"/>
      <c r="B5515" s="14"/>
      <c r="C5515" s="13"/>
      <c r="D5515" s="14"/>
      <c r="E5515" s="14"/>
      <c r="F5515" s="16"/>
      <c r="G5515" s="3"/>
      <c r="H5515" s="3"/>
      <c r="I5515" s="3"/>
      <c r="J5515" s="3"/>
      <c r="K5515" s="3"/>
      <c r="L5515" s="3"/>
    </row>
    <row r="5516" spans="1:12" s="22" customFormat="1" ht="27" customHeight="1" x14ac:dyDescent="0.15">
      <c r="A5516" s="13"/>
      <c r="B5516" s="14"/>
      <c r="C5516" s="13"/>
      <c r="D5516" s="14"/>
      <c r="E5516" s="14"/>
      <c r="F5516" s="16"/>
      <c r="G5516" s="3"/>
      <c r="H5516" s="3"/>
      <c r="I5516" s="3"/>
      <c r="J5516" s="3"/>
      <c r="K5516" s="3"/>
      <c r="L5516" s="3"/>
    </row>
    <row r="5517" spans="1:12" s="22" customFormat="1" ht="27" customHeight="1" x14ac:dyDescent="0.15">
      <c r="A5517" s="13"/>
      <c r="B5517" s="14"/>
      <c r="C5517" s="13"/>
      <c r="D5517" s="14"/>
      <c r="E5517" s="14"/>
      <c r="F5517" s="16"/>
      <c r="G5517" s="3"/>
      <c r="H5517" s="3"/>
      <c r="I5517" s="3"/>
      <c r="J5517" s="3"/>
      <c r="K5517" s="3"/>
      <c r="L5517" s="3"/>
    </row>
    <row r="5518" spans="1:12" s="22" customFormat="1" ht="27" customHeight="1" x14ac:dyDescent="0.15">
      <c r="A5518" s="13"/>
      <c r="B5518" s="14"/>
      <c r="C5518" s="13"/>
      <c r="D5518" s="14"/>
      <c r="E5518" s="14"/>
      <c r="F5518" s="16"/>
      <c r="G5518" s="3"/>
      <c r="H5518" s="3"/>
      <c r="I5518" s="3"/>
      <c r="J5518" s="3"/>
      <c r="K5518" s="3"/>
      <c r="L5518" s="3"/>
    </row>
    <row r="5519" spans="1:12" s="22" customFormat="1" ht="27" customHeight="1" x14ac:dyDescent="0.15">
      <c r="A5519" s="13"/>
      <c r="B5519" s="14"/>
      <c r="C5519" s="13"/>
      <c r="D5519" s="14"/>
      <c r="E5519" s="14"/>
      <c r="F5519" s="16"/>
      <c r="G5519" s="3"/>
      <c r="H5519" s="3"/>
      <c r="I5519" s="3"/>
      <c r="J5519" s="3"/>
      <c r="K5519" s="3"/>
      <c r="L5519" s="3"/>
    </row>
    <row r="5520" spans="1:12" s="22" customFormat="1" ht="27" customHeight="1" x14ac:dyDescent="0.15">
      <c r="A5520" s="13"/>
      <c r="B5520" s="14"/>
      <c r="C5520" s="13"/>
      <c r="D5520" s="14"/>
      <c r="E5520" s="14"/>
      <c r="F5520" s="16"/>
      <c r="G5520" s="3"/>
      <c r="H5520" s="3"/>
      <c r="I5520" s="3"/>
      <c r="J5520" s="3"/>
      <c r="K5520" s="3"/>
      <c r="L5520" s="3"/>
    </row>
    <row r="5521" spans="1:12" s="22" customFormat="1" ht="27" customHeight="1" x14ac:dyDescent="0.15">
      <c r="A5521" s="13"/>
      <c r="B5521" s="14"/>
      <c r="C5521" s="13"/>
      <c r="D5521" s="14"/>
      <c r="E5521" s="14"/>
      <c r="F5521" s="16"/>
      <c r="G5521" s="3"/>
      <c r="H5521" s="3"/>
      <c r="I5521" s="3"/>
      <c r="J5521" s="3"/>
      <c r="K5521" s="3"/>
      <c r="L5521" s="3"/>
    </row>
    <row r="5522" spans="1:12" s="22" customFormat="1" ht="27" customHeight="1" x14ac:dyDescent="0.15">
      <c r="A5522" s="13"/>
      <c r="B5522" s="14"/>
      <c r="C5522" s="13"/>
      <c r="D5522" s="14"/>
      <c r="E5522" s="14"/>
      <c r="F5522" s="16"/>
      <c r="G5522" s="3"/>
      <c r="H5522" s="3"/>
      <c r="I5522" s="3"/>
      <c r="J5522" s="3"/>
      <c r="K5522" s="3"/>
      <c r="L5522" s="3"/>
    </row>
    <row r="5523" spans="1:12" s="22" customFormat="1" ht="27" customHeight="1" x14ac:dyDescent="0.15">
      <c r="A5523" s="13"/>
      <c r="B5523" s="14"/>
      <c r="C5523" s="13"/>
      <c r="D5523" s="14"/>
      <c r="E5523" s="14"/>
      <c r="F5523" s="16"/>
      <c r="G5523" s="3"/>
      <c r="H5523" s="3"/>
      <c r="I5523" s="3"/>
      <c r="J5523" s="3"/>
      <c r="K5523" s="3"/>
      <c r="L5523" s="3"/>
    </row>
    <row r="5524" spans="1:12" s="22" customFormat="1" ht="27" customHeight="1" x14ac:dyDescent="0.15">
      <c r="A5524" s="13"/>
      <c r="B5524" s="14"/>
      <c r="C5524" s="13"/>
      <c r="D5524" s="14"/>
      <c r="E5524" s="14"/>
      <c r="F5524" s="16"/>
      <c r="G5524" s="3"/>
      <c r="H5524" s="3"/>
      <c r="I5524" s="3"/>
      <c r="J5524" s="3"/>
      <c r="K5524" s="3"/>
      <c r="L5524" s="3"/>
    </row>
    <row r="5525" spans="1:12" s="22" customFormat="1" ht="27" customHeight="1" x14ac:dyDescent="0.15">
      <c r="A5525" s="13"/>
      <c r="B5525" s="14"/>
      <c r="C5525" s="13"/>
      <c r="D5525" s="14"/>
      <c r="E5525" s="14"/>
      <c r="F5525" s="16"/>
      <c r="G5525" s="3"/>
      <c r="H5525" s="3"/>
      <c r="I5525" s="3"/>
      <c r="J5525" s="3"/>
      <c r="K5525" s="3"/>
      <c r="L5525" s="3"/>
    </row>
    <row r="5526" spans="1:12" s="22" customFormat="1" ht="27" customHeight="1" x14ac:dyDescent="0.15">
      <c r="A5526" s="13"/>
      <c r="B5526" s="14"/>
      <c r="C5526" s="13"/>
      <c r="D5526" s="14"/>
      <c r="E5526" s="14"/>
      <c r="F5526" s="16"/>
      <c r="G5526" s="3"/>
      <c r="H5526" s="3"/>
      <c r="I5526" s="3"/>
      <c r="J5526" s="3"/>
      <c r="K5526" s="3"/>
      <c r="L5526" s="3"/>
    </row>
    <row r="5527" spans="1:12" s="22" customFormat="1" ht="27" customHeight="1" x14ac:dyDescent="0.15">
      <c r="A5527" s="13"/>
      <c r="B5527" s="14"/>
      <c r="C5527" s="13"/>
      <c r="D5527" s="14"/>
      <c r="E5527" s="14"/>
      <c r="F5527" s="16"/>
      <c r="G5527" s="3"/>
      <c r="H5527" s="3"/>
      <c r="I5527" s="3"/>
      <c r="J5527" s="3"/>
      <c r="K5527" s="3"/>
      <c r="L5527" s="3"/>
    </row>
    <row r="5528" spans="1:12" s="22" customFormat="1" ht="27" customHeight="1" x14ac:dyDescent="0.15">
      <c r="A5528" s="13"/>
      <c r="B5528" s="14"/>
      <c r="C5528" s="13"/>
      <c r="D5528" s="14"/>
      <c r="E5528" s="14"/>
      <c r="F5528" s="16"/>
      <c r="G5528" s="3"/>
      <c r="H5528" s="3"/>
      <c r="I5528" s="3"/>
      <c r="J5528" s="3"/>
      <c r="K5528" s="3"/>
      <c r="L5528" s="3"/>
    </row>
    <row r="5529" spans="1:12" s="22" customFormat="1" ht="27" customHeight="1" x14ac:dyDescent="0.15">
      <c r="A5529" s="13"/>
      <c r="B5529" s="14"/>
      <c r="C5529" s="13"/>
      <c r="D5529" s="14"/>
      <c r="E5529" s="14"/>
      <c r="F5529" s="16"/>
      <c r="G5529" s="3"/>
      <c r="H5529" s="3"/>
      <c r="I5529" s="3"/>
      <c r="J5529" s="3"/>
      <c r="K5529" s="3"/>
      <c r="L5529" s="3"/>
    </row>
    <row r="5530" spans="1:12" s="22" customFormat="1" ht="27" customHeight="1" x14ac:dyDescent="0.15">
      <c r="A5530" s="13"/>
      <c r="B5530" s="14"/>
      <c r="C5530" s="13"/>
      <c r="D5530" s="14"/>
      <c r="E5530" s="14"/>
      <c r="F5530" s="16"/>
      <c r="G5530" s="3"/>
      <c r="H5530" s="3"/>
      <c r="I5530" s="3"/>
      <c r="J5530" s="3"/>
      <c r="K5530" s="3"/>
      <c r="L5530" s="3"/>
    </row>
    <row r="5531" spans="1:12" s="22" customFormat="1" ht="27" customHeight="1" x14ac:dyDescent="0.15">
      <c r="A5531" s="13"/>
      <c r="B5531" s="14"/>
      <c r="C5531" s="13"/>
      <c r="D5531" s="14"/>
      <c r="E5531" s="14"/>
      <c r="F5531" s="16"/>
      <c r="G5531" s="3"/>
      <c r="H5531" s="3"/>
      <c r="I5531" s="3"/>
      <c r="J5531" s="3"/>
      <c r="K5531" s="3"/>
      <c r="L5531" s="3"/>
    </row>
    <row r="5532" spans="1:12" s="22" customFormat="1" ht="27" customHeight="1" x14ac:dyDescent="0.15">
      <c r="A5532" s="13"/>
      <c r="B5532" s="14"/>
      <c r="C5532" s="13"/>
      <c r="D5532" s="14"/>
      <c r="E5532" s="14"/>
      <c r="F5532" s="16"/>
      <c r="G5532" s="3"/>
      <c r="H5532" s="3"/>
      <c r="I5532" s="3"/>
      <c r="J5532" s="3"/>
      <c r="K5532" s="3"/>
      <c r="L5532" s="3"/>
    </row>
    <row r="5533" spans="1:12" s="22" customFormat="1" ht="27" customHeight="1" x14ac:dyDescent="0.15">
      <c r="A5533" s="13"/>
      <c r="B5533" s="14"/>
      <c r="C5533" s="13"/>
      <c r="D5533" s="14"/>
      <c r="E5533" s="14"/>
      <c r="F5533" s="16"/>
      <c r="G5533" s="3"/>
      <c r="H5533" s="3"/>
      <c r="I5533" s="3"/>
      <c r="J5533" s="3"/>
      <c r="K5533" s="3"/>
      <c r="L5533" s="3"/>
    </row>
    <row r="5534" spans="1:12" s="22" customFormat="1" ht="27" customHeight="1" x14ac:dyDescent="0.15">
      <c r="A5534" s="13"/>
      <c r="B5534" s="14"/>
      <c r="C5534" s="13"/>
      <c r="D5534" s="14"/>
      <c r="E5534" s="14"/>
      <c r="F5534" s="16"/>
      <c r="G5534" s="3"/>
      <c r="H5534" s="3"/>
      <c r="I5534" s="3"/>
      <c r="J5534" s="3"/>
      <c r="K5534" s="3"/>
      <c r="L5534" s="3"/>
    </row>
    <row r="5535" spans="1:12" s="22" customFormat="1" ht="27" customHeight="1" x14ac:dyDescent="0.15">
      <c r="A5535" s="13"/>
      <c r="B5535" s="14"/>
      <c r="C5535" s="13"/>
      <c r="D5535" s="14"/>
      <c r="E5535" s="14"/>
      <c r="F5535" s="16"/>
      <c r="G5535" s="3"/>
      <c r="H5535" s="3"/>
      <c r="I5535" s="3"/>
      <c r="J5535" s="3"/>
      <c r="K5535" s="3"/>
      <c r="L5535" s="3"/>
    </row>
    <row r="5536" spans="1:12" s="22" customFormat="1" ht="27" customHeight="1" x14ac:dyDescent="0.15">
      <c r="A5536" s="13"/>
      <c r="B5536" s="14"/>
      <c r="C5536" s="13"/>
      <c r="D5536" s="14"/>
      <c r="E5536" s="14"/>
      <c r="F5536" s="16"/>
      <c r="G5536" s="3"/>
      <c r="H5536" s="3"/>
      <c r="I5536" s="3"/>
      <c r="J5536" s="3"/>
      <c r="K5536" s="3"/>
      <c r="L5536" s="3"/>
    </row>
    <row r="5537" spans="1:12" s="22" customFormat="1" ht="27" customHeight="1" x14ac:dyDescent="0.15">
      <c r="A5537" s="13"/>
      <c r="B5537" s="14"/>
      <c r="C5537" s="13"/>
      <c r="D5537" s="14"/>
      <c r="E5537" s="14"/>
      <c r="F5537" s="16"/>
      <c r="G5537" s="3"/>
      <c r="H5537" s="3"/>
      <c r="I5537" s="3"/>
      <c r="J5537" s="3"/>
      <c r="K5537" s="3"/>
      <c r="L5537" s="3"/>
    </row>
    <row r="5538" spans="1:12" s="22" customFormat="1" ht="27" customHeight="1" x14ac:dyDescent="0.15">
      <c r="A5538" s="13"/>
      <c r="B5538" s="14"/>
      <c r="C5538" s="13"/>
      <c r="D5538" s="14"/>
      <c r="E5538" s="14"/>
      <c r="F5538" s="16"/>
      <c r="G5538" s="3"/>
      <c r="H5538" s="3"/>
      <c r="I5538" s="3"/>
      <c r="J5538" s="3"/>
      <c r="K5538" s="3"/>
      <c r="L5538" s="3"/>
    </row>
    <row r="5539" spans="1:12" s="22" customFormat="1" ht="27" customHeight="1" x14ac:dyDescent="0.15">
      <c r="A5539" s="13"/>
      <c r="B5539" s="14"/>
      <c r="C5539" s="13"/>
      <c r="D5539" s="14"/>
      <c r="E5539" s="14"/>
      <c r="F5539" s="16"/>
      <c r="G5539" s="3"/>
      <c r="H5539" s="3"/>
      <c r="I5539" s="3"/>
      <c r="J5539" s="3"/>
      <c r="K5539" s="3"/>
      <c r="L5539" s="3"/>
    </row>
    <row r="5540" spans="1:12" s="22" customFormat="1" ht="27" customHeight="1" x14ac:dyDescent="0.15">
      <c r="A5540" s="13"/>
      <c r="B5540" s="14"/>
      <c r="C5540" s="13"/>
      <c r="D5540" s="14"/>
      <c r="E5540" s="14"/>
      <c r="F5540" s="16"/>
      <c r="G5540" s="3"/>
      <c r="H5540" s="3"/>
      <c r="I5540" s="3"/>
      <c r="J5540" s="3"/>
      <c r="K5540" s="3"/>
      <c r="L5540" s="3"/>
    </row>
    <row r="5541" spans="1:12" s="22" customFormat="1" ht="27" customHeight="1" x14ac:dyDescent="0.15">
      <c r="A5541" s="13"/>
      <c r="B5541" s="14"/>
      <c r="C5541" s="13"/>
      <c r="D5541" s="14"/>
      <c r="E5541" s="14"/>
      <c r="F5541" s="16"/>
      <c r="G5541" s="3"/>
      <c r="H5541" s="3"/>
      <c r="I5541" s="3"/>
      <c r="J5541" s="3"/>
      <c r="K5541" s="3"/>
      <c r="L5541" s="3"/>
    </row>
    <row r="5542" spans="1:12" s="22" customFormat="1" ht="27" customHeight="1" x14ac:dyDescent="0.15">
      <c r="A5542" s="13"/>
      <c r="B5542" s="14"/>
      <c r="C5542" s="13"/>
      <c r="D5542" s="14"/>
      <c r="E5542" s="14"/>
      <c r="F5542" s="16"/>
      <c r="G5542" s="3"/>
      <c r="H5542" s="3"/>
      <c r="I5542" s="3"/>
      <c r="J5542" s="3"/>
      <c r="K5542" s="3"/>
      <c r="L5542" s="3"/>
    </row>
    <row r="5543" spans="1:12" s="22" customFormat="1" ht="27" customHeight="1" x14ac:dyDescent="0.15">
      <c r="A5543" s="13"/>
      <c r="B5543" s="14"/>
      <c r="C5543" s="13"/>
      <c r="D5543" s="14"/>
      <c r="E5543" s="14"/>
      <c r="F5543" s="16"/>
      <c r="G5543" s="3"/>
      <c r="H5543" s="3"/>
      <c r="I5543" s="3"/>
      <c r="J5543" s="3"/>
      <c r="K5543" s="3"/>
      <c r="L5543" s="3"/>
    </row>
    <row r="5544" spans="1:12" s="22" customFormat="1" ht="27" customHeight="1" x14ac:dyDescent="0.15">
      <c r="A5544" s="13"/>
      <c r="B5544" s="14"/>
      <c r="C5544" s="13"/>
      <c r="D5544" s="14"/>
      <c r="E5544" s="14"/>
      <c r="F5544" s="16"/>
      <c r="G5544" s="3"/>
      <c r="H5544" s="3"/>
      <c r="I5544" s="3"/>
      <c r="J5544" s="3"/>
      <c r="K5544" s="3"/>
      <c r="L5544" s="3"/>
    </row>
    <row r="5545" spans="1:12" s="22" customFormat="1" ht="27" customHeight="1" x14ac:dyDescent="0.15">
      <c r="A5545" s="13"/>
      <c r="B5545" s="14"/>
      <c r="C5545" s="13"/>
      <c r="D5545" s="14"/>
      <c r="E5545" s="14"/>
      <c r="F5545" s="16"/>
      <c r="G5545" s="3"/>
      <c r="H5545" s="3"/>
      <c r="I5545" s="3"/>
      <c r="J5545" s="3"/>
      <c r="K5545" s="3"/>
      <c r="L5545" s="3"/>
    </row>
    <row r="5546" spans="1:12" s="22" customFormat="1" ht="27" customHeight="1" x14ac:dyDescent="0.15">
      <c r="A5546" s="13"/>
      <c r="B5546" s="14"/>
      <c r="C5546" s="13"/>
      <c r="D5546" s="14"/>
      <c r="E5546" s="14"/>
      <c r="F5546" s="16"/>
      <c r="G5546" s="3"/>
      <c r="H5546" s="3"/>
      <c r="I5546" s="3"/>
      <c r="J5546" s="3"/>
      <c r="K5546" s="3"/>
      <c r="L5546" s="3"/>
    </row>
    <row r="5547" spans="1:12" s="22" customFormat="1" ht="27" customHeight="1" x14ac:dyDescent="0.15">
      <c r="A5547" s="13"/>
      <c r="B5547" s="14"/>
      <c r="C5547" s="13"/>
      <c r="D5547" s="14"/>
      <c r="E5547" s="14"/>
      <c r="F5547" s="16"/>
      <c r="G5547" s="3"/>
      <c r="H5547" s="3"/>
      <c r="I5547" s="3"/>
      <c r="J5547" s="3"/>
      <c r="K5547" s="3"/>
      <c r="L5547" s="3"/>
    </row>
    <row r="5548" spans="1:12" s="22" customFormat="1" ht="27" customHeight="1" x14ac:dyDescent="0.15">
      <c r="A5548" s="13"/>
      <c r="B5548" s="14"/>
      <c r="C5548" s="13"/>
      <c r="D5548" s="14"/>
      <c r="E5548" s="14"/>
      <c r="F5548" s="16"/>
      <c r="G5548" s="3"/>
      <c r="H5548" s="3"/>
      <c r="I5548" s="3"/>
      <c r="J5548" s="3"/>
      <c r="K5548" s="3"/>
      <c r="L5548" s="3"/>
    </row>
    <row r="5549" spans="1:12" s="22" customFormat="1" ht="27" customHeight="1" x14ac:dyDescent="0.15">
      <c r="A5549" s="13"/>
      <c r="B5549" s="14"/>
      <c r="C5549" s="13"/>
      <c r="D5549" s="14"/>
      <c r="E5549" s="14"/>
      <c r="F5549" s="16"/>
      <c r="G5549" s="3"/>
      <c r="H5549" s="3"/>
      <c r="I5549" s="3"/>
      <c r="J5549" s="3"/>
      <c r="K5549" s="3"/>
      <c r="L5549" s="3"/>
    </row>
    <row r="5550" spans="1:12" s="22" customFormat="1" ht="27" customHeight="1" x14ac:dyDescent="0.15">
      <c r="A5550" s="13"/>
      <c r="B5550" s="14"/>
      <c r="C5550" s="13"/>
      <c r="D5550" s="14"/>
      <c r="E5550" s="14"/>
      <c r="F5550" s="16"/>
      <c r="G5550" s="3"/>
      <c r="H5550" s="3"/>
      <c r="I5550" s="3"/>
      <c r="J5550" s="3"/>
      <c r="K5550" s="3"/>
      <c r="L5550" s="3"/>
    </row>
    <row r="5551" spans="1:12" s="22" customFormat="1" ht="27" customHeight="1" x14ac:dyDescent="0.15">
      <c r="A5551" s="13"/>
      <c r="B5551" s="14"/>
      <c r="C5551" s="13"/>
      <c r="D5551" s="14"/>
      <c r="E5551" s="14"/>
      <c r="F5551" s="16"/>
      <c r="G5551" s="3"/>
      <c r="H5551" s="3"/>
      <c r="I5551" s="3"/>
      <c r="J5551" s="3"/>
      <c r="K5551" s="3"/>
      <c r="L5551" s="3"/>
    </row>
    <row r="5552" spans="1:12" s="22" customFormat="1" ht="27" customHeight="1" x14ac:dyDescent="0.15">
      <c r="A5552" s="13"/>
      <c r="B5552" s="14"/>
      <c r="C5552" s="13"/>
      <c r="D5552" s="14"/>
      <c r="E5552" s="14"/>
      <c r="F5552" s="16"/>
      <c r="G5552" s="3"/>
      <c r="H5552" s="3"/>
      <c r="I5552" s="3"/>
      <c r="J5552" s="3"/>
      <c r="K5552" s="3"/>
      <c r="L5552" s="3"/>
    </row>
    <row r="5553" spans="1:12" s="22" customFormat="1" ht="27" customHeight="1" x14ac:dyDescent="0.15">
      <c r="A5553" s="13"/>
      <c r="B5553" s="14"/>
      <c r="C5553" s="13"/>
      <c r="D5553" s="14"/>
      <c r="E5553" s="14"/>
      <c r="F5553" s="16"/>
      <c r="G5553" s="3"/>
      <c r="H5553" s="3"/>
      <c r="I5553" s="3"/>
      <c r="J5553" s="3"/>
      <c r="K5553" s="3"/>
      <c r="L5553" s="3"/>
    </row>
    <row r="5554" spans="1:12" s="22" customFormat="1" ht="27" customHeight="1" x14ac:dyDescent="0.15">
      <c r="A5554" s="13"/>
      <c r="B5554" s="14"/>
      <c r="C5554" s="13"/>
      <c r="D5554" s="14"/>
      <c r="E5554" s="14"/>
      <c r="F5554" s="16"/>
      <c r="G5554" s="3"/>
      <c r="H5554" s="3"/>
      <c r="I5554" s="3"/>
      <c r="J5554" s="3"/>
      <c r="K5554" s="3"/>
      <c r="L5554" s="3"/>
    </row>
    <row r="5555" spans="1:12" s="22" customFormat="1" ht="27" customHeight="1" x14ac:dyDescent="0.15">
      <c r="A5555" s="13"/>
      <c r="B5555" s="14"/>
      <c r="C5555" s="13"/>
      <c r="D5555" s="14"/>
      <c r="E5555" s="14"/>
      <c r="F5555" s="16"/>
      <c r="G5555" s="3"/>
      <c r="H5555" s="3"/>
      <c r="I5555" s="3"/>
      <c r="J5555" s="3"/>
      <c r="K5555" s="3"/>
      <c r="L5555" s="3"/>
    </row>
    <row r="5556" spans="1:12" s="22" customFormat="1" ht="27" customHeight="1" x14ac:dyDescent="0.15">
      <c r="A5556" s="13"/>
      <c r="B5556" s="14"/>
      <c r="C5556" s="13"/>
      <c r="D5556" s="14"/>
      <c r="E5556" s="14"/>
      <c r="F5556" s="16"/>
      <c r="G5556" s="3"/>
      <c r="H5556" s="3"/>
      <c r="I5556" s="3"/>
      <c r="J5556" s="3"/>
      <c r="K5556" s="3"/>
      <c r="L5556" s="3"/>
    </row>
    <row r="5557" spans="1:12" s="22" customFormat="1" ht="27" customHeight="1" x14ac:dyDescent="0.15">
      <c r="A5557" s="13"/>
      <c r="B5557" s="14"/>
      <c r="C5557" s="13"/>
      <c r="D5557" s="14"/>
      <c r="E5557" s="14"/>
      <c r="F5557" s="16"/>
      <c r="G5557" s="3"/>
      <c r="H5557" s="3"/>
      <c r="I5557" s="3"/>
      <c r="J5557" s="3"/>
      <c r="K5557" s="3"/>
      <c r="L5557" s="3"/>
    </row>
    <row r="5558" spans="1:12" s="22" customFormat="1" ht="27" customHeight="1" x14ac:dyDescent="0.15">
      <c r="A5558" s="13"/>
      <c r="B5558" s="14"/>
      <c r="C5558" s="13"/>
      <c r="D5558" s="14"/>
      <c r="E5558" s="14"/>
      <c r="F5558" s="16"/>
      <c r="G5558" s="3"/>
      <c r="H5558" s="3"/>
      <c r="I5558" s="3"/>
      <c r="J5558" s="3"/>
      <c r="K5558" s="3"/>
      <c r="L5558" s="3"/>
    </row>
    <row r="5559" spans="1:12" s="22" customFormat="1" ht="27" customHeight="1" x14ac:dyDescent="0.15">
      <c r="A5559" s="13"/>
      <c r="B5559" s="14"/>
      <c r="C5559" s="13"/>
      <c r="D5559" s="14"/>
      <c r="E5559" s="14"/>
      <c r="F5559" s="16"/>
      <c r="G5559" s="3"/>
      <c r="H5559" s="3"/>
      <c r="I5559" s="3"/>
      <c r="J5559" s="3"/>
      <c r="K5559" s="3"/>
      <c r="L5559" s="3"/>
    </row>
    <row r="5560" spans="1:12" s="22" customFormat="1" ht="27" customHeight="1" x14ac:dyDescent="0.15">
      <c r="A5560" s="13"/>
      <c r="B5560" s="14"/>
      <c r="C5560" s="13"/>
      <c r="D5560" s="14"/>
      <c r="E5560" s="14"/>
      <c r="F5560" s="16"/>
      <c r="G5560" s="3"/>
      <c r="H5560" s="3"/>
      <c r="I5560" s="3"/>
      <c r="J5560" s="3"/>
      <c r="K5560" s="3"/>
      <c r="L5560" s="3"/>
    </row>
    <row r="5561" spans="1:12" s="22" customFormat="1" ht="27" customHeight="1" x14ac:dyDescent="0.15">
      <c r="A5561" s="13"/>
      <c r="B5561" s="14"/>
      <c r="C5561" s="13"/>
      <c r="D5561" s="14"/>
      <c r="E5561" s="14"/>
      <c r="F5561" s="16"/>
      <c r="G5561" s="3"/>
      <c r="H5561" s="3"/>
      <c r="I5561" s="3"/>
      <c r="J5561" s="3"/>
      <c r="K5561" s="3"/>
      <c r="L5561" s="3"/>
    </row>
    <row r="5562" spans="1:12" s="22" customFormat="1" ht="27" customHeight="1" x14ac:dyDescent="0.15">
      <c r="A5562" s="13"/>
      <c r="B5562" s="14"/>
      <c r="C5562" s="13"/>
      <c r="D5562" s="14"/>
      <c r="E5562" s="14"/>
      <c r="F5562" s="16"/>
      <c r="G5562" s="3"/>
      <c r="H5562" s="3"/>
      <c r="I5562" s="3"/>
      <c r="J5562" s="3"/>
      <c r="K5562" s="3"/>
      <c r="L5562" s="3"/>
    </row>
    <row r="5563" spans="1:12" s="22" customFormat="1" ht="27" customHeight="1" x14ac:dyDescent="0.15">
      <c r="A5563" s="13"/>
      <c r="B5563" s="14"/>
      <c r="C5563" s="13"/>
      <c r="D5563" s="14"/>
      <c r="E5563" s="14"/>
      <c r="F5563" s="16"/>
      <c r="G5563" s="3"/>
      <c r="H5563" s="3"/>
      <c r="I5563" s="3"/>
      <c r="J5563" s="3"/>
      <c r="K5563" s="3"/>
      <c r="L5563" s="3"/>
    </row>
    <row r="5564" spans="1:12" s="22" customFormat="1" ht="27" customHeight="1" x14ac:dyDescent="0.15">
      <c r="A5564" s="13"/>
      <c r="B5564" s="14"/>
      <c r="C5564" s="13"/>
      <c r="D5564" s="14"/>
      <c r="E5564" s="14"/>
      <c r="F5564" s="16"/>
      <c r="G5564" s="3"/>
      <c r="H5564" s="3"/>
      <c r="I5564" s="3"/>
      <c r="J5564" s="3"/>
      <c r="K5564" s="3"/>
      <c r="L5564" s="3"/>
    </row>
    <row r="5565" spans="1:12" s="22" customFormat="1" ht="27" customHeight="1" x14ac:dyDescent="0.15">
      <c r="A5565" s="13"/>
      <c r="B5565" s="14"/>
      <c r="C5565" s="13"/>
      <c r="D5565" s="14"/>
      <c r="E5565" s="14"/>
      <c r="F5565" s="16"/>
      <c r="G5565" s="3"/>
      <c r="H5565" s="3"/>
      <c r="I5565" s="3"/>
      <c r="J5565" s="3"/>
      <c r="K5565" s="3"/>
      <c r="L5565" s="3"/>
    </row>
    <row r="5566" spans="1:12" s="22" customFormat="1" ht="27" customHeight="1" x14ac:dyDescent="0.15">
      <c r="A5566" s="13"/>
      <c r="B5566" s="14"/>
      <c r="C5566" s="13"/>
      <c r="D5566" s="14"/>
      <c r="E5566" s="14"/>
      <c r="F5566" s="16"/>
      <c r="G5566" s="3"/>
      <c r="H5566" s="3"/>
      <c r="I5566" s="3"/>
      <c r="J5566" s="3"/>
      <c r="K5566" s="3"/>
      <c r="L5566" s="3"/>
    </row>
    <row r="5567" spans="1:12" s="22" customFormat="1" ht="27" customHeight="1" x14ac:dyDescent="0.15">
      <c r="A5567" s="13"/>
      <c r="B5567" s="14"/>
      <c r="C5567" s="13"/>
      <c r="D5567" s="14"/>
      <c r="E5567" s="14"/>
      <c r="F5567" s="16"/>
      <c r="G5567" s="3"/>
      <c r="H5567" s="3"/>
      <c r="I5567" s="3"/>
      <c r="J5567" s="3"/>
      <c r="K5567" s="3"/>
      <c r="L5567" s="3"/>
    </row>
    <row r="5568" spans="1:12" s="22" customFormat="1" ht="27" customHeight="1" x14ac:dyDescent="0.15">
      <c r="A5568" s="13"/>
      <c r="B5568" s="14"/>
      <c r="C5568" s="13"/>
      <c r="D5568" s="14"/>
      <c r="E5568" s="14"/>
      <c r="F5568" s="16"/>
      <c r="G5568" s="3"/>
      <c r="H5568" s="3"/>
      <c r="I5568" s="3"/>
      <c r="J5568" s="3"/>
      <c r="K5568" s="3"/>
      <c r="L5568" s="3"/>
    </row>
    <row r="5569" spans="1:12" s="22" customFormat="1" ht="27" customHeight="1" x14ac:dyDescent="0.15">
      <c r="A5569" s="13"/>
      <c r="B5569" s="14"/>
      <c r="C5569" s="13"/>
      <c r="D5569" s="14"/>
      <c r="E5569" s="14"/>
      <c r="F5569" s="16"/>
      <c r="G5569" s="3"/>
      <c r="H5569" s="3"/>
      <c r="I5569" s="3"/>
      <c r="J5569" s="3"/>
      <c r="K5569" s="3"/>
      <c r="L5569" s="3"/>
    </row>
    <row r="5570" spans="1:12" s="22" customFormat="1" ht="27" customHeight="1" x14ac:dyDescent="0.15">
      <c r="A5570" s="13"/>
      <c r="B5570" s="14"/>
      <c r="C5570" s="13"/>
      <c r="D5570" s="14"/>
      <c r="E5570" s="14"/>
      <c r="F5570" s="16"/>
      <c r="G5570" s="3"/>
      <c r="H5570" s="3"/>
      <c r="I5570" s="3"/>
      <c r="J5570" s="3"/>
      <c r="K5570" s="3"/>
      <c r="L5570" s="3"/>
    </row>
    <row r="5571" spans="1:12" s="22" customFormat="1" ht="27" customHeight="1" x14ac:dyDescent="0.15">
      <c r="A5571" s="13"/>
      <c r="B5571" s="14"/>
      <c r="C5571" s="13"/>
      <c r="D5571" s="14"/>
      <c r="E5571" s="14"/>
      <c r="F5571" s="16"/>
      <c r="G5571" s="3"/>
      <c r="H5571" s="3"/>
      <c r="I5571" s="3"/>
      <c r="J5571" s="3"/>
      <c r="K5571" s="3"/>
      <c r="L5571" s="3"/>
    </row>
    <row r="5572" spans="1:12" s="22" customFormat="1" ht="27" customHeight="1" x14ac:dyDescent="0.15">
      <c r="A5572" s="13"/>
      <c r="B5572" s="14"/>
      <c r="C5572" s="13"/>
      <c r="D5572" s="14"/>
      <c r="E5572" s="14"/>
      <c r="F5572" s="16"/>
      <c r="G5572" s="3"/>
      <c r="H5572" s="3"/>
      <c r="I5572" s="3"/>
      <c r="J5572" s="3"/>
      <c r="K5572" s="3"/>
      <c r="L5572" s="3"/>
    </row>
    <row r="5573" spans="1:12" s="22" customFormat="1" ht="27" customHeight="1" x14ac:dyDescent="0.15">
      <c r="A5573" s="13"/>
      <c r="B5573" s="14"/>
      <c r="C5573" s="13"/>
      <c r="D5573" s="14"/>
      <c r="E5573" s="14"/>
      <c r="F5573" s="16"/>
      <c r="G5573" s="3"/>
      <c r="H5573" s="3"/>
      <c r="I5573" s="3"/>
      <c r="J5573" s="3"/>
      <c r="K5573" s="3"/>
      <c r="L5573" s="3"/>
    </row>
    <row r="5574" spans="1:12" s="22" customFormat="1" ht="27" customHeight="1" x14ac:dyDescent="0.15">
      <c r="A5574" s="13"/>
      <c r="B5574" s="14"/>
      <c r="C5574" s="13"/>
      <c r="D5574" s="14"/>
      <c r="E5574" s="14"/>
      <c r="F5574" s="16"/>
      <c r="G5574" s="3"/>
      <c r="H5574" s="3"/>
      <c r="I5574" s="3"/>
      <c r="J5574" s="3"/>
      <c r="K5574" s="3"/>
      <c r="L5574" s="3"/>
    </row>
    <row r="5575" spans="1:12" s="22" customFormat="1" ht="27" customHeight="1" x14ac:dyDescent="0.15">
      <c r="A5575" s="13"/>
      <c r="B5575" s="14"/>
      <c r="C5575" s="13"/>
      <c r="D5575" s="14"/>
      <c r="E5575" s="14"/>
      <c r="F5575" s="16"/>
      <c r="G5575" s="3"/>
      <c r="H5575" s="3"/>
      <c r="I5575" s="3"/>
      <c r="J5575" s="3"/>
      <c r="K5575" s="3"/>
      <c r="L5575" s="3"/>
    </row>
    <row r="5576" spans="1:12" s="22" customFormat="1" ht="27" customHeight="1" x14ac:dyDescent="0.15">
      <c r="A5576" s="13"/>
      <c r="B5576" s="14"/>
      <c r="C5576" s="13"/>
      <c r="D5576" s="14"/>
      <c r="E5576" s="14"/>
      <c r="F5576" s="16"/>
      <c r="G5576" s="3"/>
      <c r="H5576" s="3"/>
      <c r="I5576" s="3"/>
      <c r="J5576" s="3"/>
      <c r="K5576" s="3"/>
      <c r="L5576" s="3"/>
    </row>
    <row r="5577" spans="1:12" s="22" customFormat="1" ht="27" customHeight="1" x14ac:dyDescent="0.15">
      <c r="A5577" s="13"/>
      <c r="B5577" s="14"/>
      <c r="C5577" s="13"/>
      <c r="D5577" s="14"/>
      <c r="E5577" s="14"/>
      <c r="F5577" s="16"/>
      <c r="G5577" s="3"/>
      <c r="H5577" s="3"/>
      <c r="I5577" s="3"/>
      <c r="J5577" s="3"/>
      <c r="K5577" s="3"/>
      <c r="L5577" s="3"/>
    </row>
    <row r="5578" spans="1:12" s="22" customFormat="1" ht="27" customHeight="1" x14ac:dyDescent="0.15">
      <c r="A5578" s="13"/>
      <c r="B5578" s="14"/>
      <c r="C5578" s="13"/>
      <c r="D5578" s="14"/>
      <c r="E5578" s="14"/>
      <c r="F5578" s="16"/>
      <c r="G5578" s="3"/>
      <c r="H5578" s="3"/>
      <c r="I5578" s="3"/>
      <c r="J5578" s="3"/>
      <c r="K5578" s="3"/>
      <c r="L5578" s="3"/>
    </row>
    <row r="5579" spans="1:12" s="22" customFormat="1" ht="27" customHeight="1" x14ac:dyDescent="0.15">
      <c r="A5579" s="13"/>
      <c r="B5579" s="14"/>
      <c r="C5579" s="13"/>
      <c r="D5579" s="14"/>
      <c r="E5579" s="14"/>
      <c r="F5579" s="16"/>
      <c r="G5579" s="3"/>
      <c r="H5579" s="3"/>
      <c r="I5579" s="3"/>
      <c r="J5579" s="3"/>
      <c r="K5579" s="3"/>
      <c r="L5579" s="3"/>
    </row>
    <row r="5580" spans="1:12" s="22" customFormat="1" ht="27" customHeight="1" x14ac:dyDescent="0.15">
      <c r="A5580" s="13"/>
      <c r="B5580" s="14"/>
      <c r="C5580" s="13"/>
      <c r="D5580" s="14"/>
      <c r="E5580" s="14"/>
      <c r="F5580" s="16"/>
      <c r="G5580" s="3"/>
      <c r="H5580" s="3"/>
      <c r="I5580" s="3"/>
      <c r="J5580" s="3"/>
      <c r="K5580" s="3"/>
      <c r="L5580" s="3"/>
    </row>
    <row r="5581" spans="1:12" s="22" customFormat="1" ht="27" customHeight="1" x14ac:dyDescent="0.15">
      <c r="A5581" s="13"/>
      <c r="B5581" s="14"/>
      <c r="C5581" s="13"/>
      <c r="D5581" s="14"/>
      <c r="E5581" s="14"/>
      <c r="F5581" s="16"/>
      <c r="G5581" s="3"/>
      <c r="H5581" s="3"/>
      <c r="I5581" s="3"/>
      <c r="J5581" s="3"/>
      <c r="K5581" s="3"/>
      <c r="L5581" s="3"/>
    </row>
    <row r="5582" spans="1:12" s="22" customFormat="1" ht="27" customHeight="1" x14ac:dyDescent="0.15">
      <c r="A5582" s="13"/>
      <c r="B5582" s="14"/>
      <c r="C5582" s="13"/>
      <c r="D5582" s="14"/>
      <c r="E5582" s="14"/>
      <c r="F5582" s="16"/>
      <c r="G5582" s="3"/>
      <c r="H5582" s="3"/>
      <c r="I5582" s="3"/>
      <c r="J5582" s="3"/>
      <c r="K5582" s="3"/>
      <c r="L5582" s="3"/>
    </row>
    <row r="5583" spans="1:12" s="22" customFormat="1" ht="27" customHeight="1" x14ac:dyDescent="0.15">
      <c r="A5583" s="13"/>
      <c r="B5583" s="14"/>
      <c r="C5583" s="13"/>
      <c r="D5583" s="14"/>
      <c r="E5583" s="14"/>
      <c r="F5583" s="16"/>
      <c r="G5583" s="3"/>
      <c r="H5583" s="3"/>
      <c r="I5583" s="3"/>
      <c r="J5583" s="3"/>
      <c r="K5583" s="3"/>
      <c r="L5583" s="3"/>
    </row>
    <row r="5584" spans="1:12" s="22" customFormat="1" ht="27" customHeight="1" x14ac:dyDescent="0.15">
      <c r="A5584" s="13"/>
      <c r="B5584" s="14"/>
      <c r="C5584" s="13"/>
      <c r="D5584" s="14"/>
      <c r="E5584" s="14"/>
      <c r="F5584" s="16"/>
      <c r="G5584" s="3"/>
      <c r="H5584" s="3"/>
      <c r="I5584" s="3"/>
      <c r="J5584" s="3"/>
      <c r="K5584" s="3"/>
      <c r="L5584" s="3"/>
    </row>
    <row r="5585" spans="1:12" s="22" customFormat="1" ht="27" customHeight="1" x14ac:dyDescent="0.15">
      <c r="A5585" s="13"/>
      <c r="B5585" s="14"/>
      <c r="C5585" s="13"/>
      <c r="D5585" s="14"/>
      <c r="E5585" s="14"/>
      <c r="F5585" s="16"/>
      <c r="G5585" s="3"/>
      <c r="H5585" s="3"/>
      <c r="I5585" s="3"/>
      <c r="J5585" s="3"/>
      <c r="K5585" s="3"/>
      <c r="L5585" s="3"/>
    </row>
    <row r="5586" spans="1:12" s="22" customFormat="1" ht="27" customHeight="1" x14ac:dyDescent="0.15">
      <c r="A5586" s="13"/>
      <c r="B5586" s="14"/>
      <c r="C5586" s="13"/>
      <c r="D5586" s="14"/>
      <c r="E5586" s="14"/>
      <c r="F5586" s="16"/>
      <c r="G5586" s="3"/>
      <c r="H5586" s="3"/>
      <c r="I5586" s="3"/>
      <c r="J5586" s="3"/>
      <c r="K5586" s="3"/>
      <c r="L5586" s="3"/>
    </row>
    <row r="5587" spans="1:12" s="22" customFormat="1" ht="27" customHeight="1" x14ac:dyDescent="0.15">
      <c r="A5587" s="13"/>
      <c r="B5587" s="14"/>
      <c r="C5587" s="13"/>
      <c r="D5587" s="14"/>
      <c r="E5587" s="14"/>
      <c r="F5587" s="16"/>
      <c r="G5587" s="3"/>
      <c r="H5587" s="3"/>
      <c r="I5587" s="3"/>
      <c r="J5587" s="3"/>
      <c r="K5587" s="3"/>
      <c r="L5587" s="3"/>
    </row>
    <row r="5588" spans="1:12" s="22" customFormat="1" ht="27" customHeight="1" x14ac:dyDescent="0.15">
      <c r="A5588" s="13"/>
      <c r="B5588" s="14"/>
      <c r="C5588" s="13"/>
      <c r="D5588" s="14"/>
      <c r="E5588" s="14"/>
      <c r="F5588" s="16"/>
      <c r="G5588" s="3"/>
      <c r="H5588" s="3"/>
      <c r="I5588" s="3"/>
      <c r="J5588" s="3"/>
      <c r="K5588" s="3"/>
      <c r="L5588" s="3"/>
    </row>
    <row r="5589" spans="1:12" s="22" customFormat="1" ht="27" customHeight="1" x14ac:dyDescent="0.15">
      <c r="A5589" s="13"/>
      <c r="B5589" s="14"/>
      <c r="C5589" s="13"/>
      <c r="D5589" s="14"/>
      <c r="E5589" s="14"/>
      <c r="F5589" s="16"/>
      <c r="G5589" s="3"/>
      <c r="H5589" s="3"/>
      <c r="I5589" s="3"/>
      <c r="J5589" s="3"/>
      <c r="K5589" s="3"/>
      <c r="L5589" s="3"/>
    </row>
    <row r="5590" spans="1:12" s="22" customFormat="1" ht="27" customHeight="1" x14ac:dyDescent="0.15">
      <c r="A5590" s="13"/>
      <c r="B5590" s="14"/>
      <c r="C5590" s="13"/>
      <c r="D5590" s="14"/>
      <c r="E5590" s="14"/>
      <c r="F5590" s="16"/>
      <c r="G5590" s="3"/>
      <c r="H5590" s="3"/>
      <c r="I5590" s="3"/>
      <c r="J5590" s="3"/>
      <c r="K5590" s="3"/>
      <c r="L5590" s="3"/>
    </row>
    <row r="5591" spans="1:12" s="22" customFormat="1" ht="27" customHeight="1" x14ac:dyDescent="0.15">
      <c r="A5591" s="13"/>
      <c r="B5591" s="14"/>
      <c r="C5591" s="13"/>
      <c r="D5591" s="14"/>
      <c r="E5591" s="14"/>
      <c r="F5591" s="16"/>
      <c r="G5591" s="3"/>
      <c r="H5591" s="3"/>
      <c r="I5591" s="3"/>
      <c r="J5591" s="3"/>
      <c r="K5591" s="3"/>
      <c r="L5591" s="3"/>
    </row>
    <row r="5592" spans="1:12" s="22" customFormat="1" ht="27" customHeight="1" x14ac:dyDescent="0.15">
      <c r="A5592" s="13"/>
      <c r="B5592" s="14"/>
      <c r="C5592" s="13"/>
      <c r="D5592" s="14"/>
      <c r="E5592" s="14"/>
      <c r="F5592" s="16"/>
      <c r="G5592" s="3"/>
      <c r="H5592" s="3"/>
      <c r="I5592" s="3"/>
      <c r="J5592" s="3"/>
      <c r="K5592" s="3"/>
      <c r="L5592" s="3"/>
    </row>
    <row r="5593" spans="1:12" s="22" customFormat="1" ht="27" customHeight="1" x14ac:dyDescent="0.15">
      <c r="A5593" s="13"/>
      <c r="B5593" s="14"/>
      <c r="C5593" s="13"/>
      <c r="D5593" s="14"/>
      <c r="E5593" s="14"/>
      <c r="F5593" s="16"/>
      <c r="G5593" s="3"/>
      <c r="H5593" s="3"/>
      <c r="I5593" s="3"/>
      <c r="J5593" s="3"/>
      <c r="K5593" s="3"/>
      <c r="L5593" s="3"/>
    </row>
    <row r="5594" spans="1:12" s="22" customFormat="1" ht="27" customHeight="1" x14ac:dyDescent="0.15">
      <c r="A5594" s="13"/>
      <c r="B5594" s="14"/>
      <c r="C5594" s="13"/>
      <c r="D5594" s="14"/>
      <c r="E5594" s="14"/>
      <c r="F5594" s="16"/>
      <c r="G5594" s="3"/>
      <c r="H5594" s="3"/>
      <c r="I5594" s="3"/>
      <c r="J5594" s="3"/>
      <c r="K5594" s="3"/>
      <c r="L5594" s="3"/>
    </row>
    <row r="5595" spans="1:12" s="22" customFormat="1" ht="27" customHeight="1" x14ac:dyDescent="0.15">
      <c r="A5595" s="13"/>
      <c r="B5595" s="14"/>
      <c r="C5595" s="13"/>
      <c r="D5595" s="14"/>
      <c r="E5595" s="14"/>
      <c r="F5595" s="16"/>
      <c r="G5595" s="3"/>
      <c r="H5595" s="3"/>
      <c r="I5595" s="3"/>
      <c r="J5595" s="3"/>
      <c r="K5595" s="3"/>
      <c r="L5595" s="3"/>
    </row>
    <row r="5596" spans="1:12" s="22" customFormat="1" ht="27" customHeight="1" x14ac:dyDescent="0.15">
      <c r="A5596" s="13"/>
      <c r="B5596" s="14"/>
      <c r="C5596" s="13"/>
      <c r="D5596" s="14"/>
      <c r="E5596" s="14"/>
      <c r="F5596" s="16"/>
      <c r="G5596" s="3"/>
      <c r="H5596" s="3"/>
      <c r="I5596" s="3"/>
      <c r="J5596" s="3"/>
      <c r="K5596" s="3"/>
      <c r="L5596" s="3"/>
    </row>
    <row r="5597" spans="1:12" s="22" customFormat="1" ht="27" customHeight="1" x14ac:dyDescent="0.15">
      <c r="A5597" s="13"/>
      <c r="B5597" s="14"/>
      <c r="C5597" s="13"/>
      <c r="D5597" s="14"/>
      <c r="E5597" s="14"/>
      <c r="F5597" s="16"/>
      <c r="G5597" s="3"/>
      <c r="H5597" s="3"/>
      <c r="I5597" s="3"/>
      <c r="J5597" s="3"/>
      <c r="K5597" s="3"/>
      <c r="L5597" s="3"/>
    </row>
    <row r="5598" spans="1:12" s="22" customFormat="1" ht="27" customHeight="1" x14ac:dyDescent="0.15">
      <c r="A5598" s="13"/>
      <c r="B5598" s="14"/>
      <c r="C5598" s="13"/>
      <c r="D5598" s="14"/>
      <c r="E5598" s="14"/>
      <c r="F5598" s="16"/>
      <c r="G5598" s="3"/>
      <c r="H5598" s="3"/>
      <c r="I5598" s="3"/>
      <c r="J5598" s="3"/>
      <c r="K5598" s="3"/>
      <c r="L5598" s="3"/>
    </row>
    <row r="5599" spans="1:12" s="22" customFormat="1" ht="27" customHeight="1" x14ac:dyDescent="0.15">
      <c r="A5599" s="13"/>
      <c r="B5599" s="14"/>
      <c r="C5599" s="13"/>
      <c r="D5599" s="14"/>
      <c r="E5599" s="14"/>
      <c r="F5599" s="16"/>
      <c r="G5599" s="3"/>
      <c r="H5599" s="3"/>
      <c r="I5599" s="3"/>
      <c r="J5599" s="3"/>
      <c r="K5599" s="3"/>
      <c r="L5599" s="3"/>
    </row>
    <row r="5600" spans="1:12" s="22" customFormat="1" ht="27" customHeight="1" x14ac:dyDescent="0.15">
      <c r="A5600" s="13"/>
      <c r="B5600" s="14"/>
      <c r="C5600" s="13"/>
      <c r="D5600" s="14"/>
      <c r="E5600" s="14"/>
      <c r="F5600" s="16"/>
      <c r="G5600" s="3"/>
      <c r="H5600" s="3"/>
      <c r="I5600" s="3"/>
      <c r="J5600" s="3"/>
      <c r="K5600" s="3"/>
      <c r="L5600" s="3"/>
    </row>
    <row r="5601" spans="1:12" s="22" customFormat="1" ht="27" customHeight="1" x14ac:dyDescent="0.15">
      <c r="A5601" s="13"/>
      <c r="B5601" s="14"/>
      <c r="C5601" s="13"/>
      <c r="D5601" s="14"/>
      <c r="E5601" s="14"/>
      <c r="F5601" s="16"/>
      <c r="G5601" s="3"/>
      <c r="H5601" s="3"/>
      <c r="I5601" s="3"/>
      <c r="J5601" s="3"/>
      <c r="K5601" s="3"/>
      <c r="L5601" s="3"/>
    </row>
    <row r="5602" spans="1:12" s="22" customFormat="1" ht="27" customHeight="1" x14ac:dyDescent="0.15">
      <c r="A5602" s="13"/>
      <c r="B5602" s="14"/>
      <c r="C5602" s="13"/>
      <c r="D5602" s="14"/>
      <c r="E5602" s="14"/>
      <c r="F5602" s="16"/>
      <c r="G5602" s="3"/>
      <c r="H5602" s="3"/>
      <c r="I5602" s="3"/>
      <c r="J5602" s="3"/>
      <c r="K5602" s="3"/>
      <c r="L5602" s="3"/>
    </row>
    <row r="5603" spans="1:12" s="22" customFormat="1" ht="27" customHeight="1" x14ac:dyDescent="0.15">
      <c r="A5603" s="13"/>
      <c r="B5603" s="14"/>
      <c r="C5603" s="13"/>
      <c r="D5603" s="14"/>
      <c r="E5603" s="14"/>
      <c r="F5603" s="16"/>
      <c r="G5603" s="3"/>
      <c r="H5603" s="3"/>
      <c r="I5603" s="3"/>
      <c r="J5603" s="3"/>
      <c r="K5603" s="3"/>
      <c r="L5603" s="3"/>
    </row>
    <row r="5604" spans="1:12" s="22" customFormat="1" ht="27" customHeight="1" x14ac:dyDescent="0.15">
      <c r="A5604" s="13"/>
      <c r="B5604" s="14"/>
      <c r="C5604" s="13"/>
      <c r="D5604" s="14"/>
      <c r="E5604" s="14"/>
      <c r="F5604" s="16"/>
      <c r="G5604" s="3"/>
      <c r="H5604" s="3"/>
      <c r="I5604" s="3"/>
      <c r="J5604" s="3"/>
      <c r="K5604" s="3"/>
      <c r="L5604" s="3"/>
    </row>
    <row r="5605" spans="1:12" s="22" customFormat="1" ht="27" customHeight="1" x14ac:dyDescent="0.15">
      <c r="A5605" s="13"/>
      <c r="B5605" s="14"/>
      <c r="C5605" s="13"/>
      <c r="D5605" s="14"/>
      <c r="E5605" s="14"/>
      <c r="F5605" s="16"/>
      <c r="G5605" s="3"/>
      <c r="H5605" s="3"/>
      <c r="I5605" s="3"/>
      <c r="J5605" s="3"/>
      <c r="K5605" s="3"/>
      <c r="L5605" s="3"/>
    </row>
    <row r="5606" spans="1:12" s="22" customFormat="1" ht="27" customHeight="1" x14ac:dyDescent="0.15">
      <c r="A5606" s="13"/>
      <c r="B5606" s="14"/>
      <c r="C5606" s="13"/>
      <c r="D5606" s="14"/>
      <c r="E5606" s="14"/>
      <c r="F5606" s="16"/>
      <c r="G5606" s="3"/>
      <c r="H5606" s="3"/>
      <c r="I5606" s="3"/>
      <c r="J5606" s="3"/>
      <c r="K5606" s="3"/>
      <c r="L5606" s="3"/>
    </row>
    <row r="5607" spans="1:12" s="22" customFormat="1" ht="27" customHeight="1" x14ac:dyDescent="0.15">
      <c r="A5607" s="13"/>
      <c r="B5607" s="14"/>
      <c r="C5607" s="13"/>
      <c r="D5607" s="14"/>
      <c r="E5607" s="14"/>
      <c r="F5607" s="16"/>
      <c r="G5607" s="3"/>
      <c r="H5607" s="3"/>
      <c r="I5607" s="3"/>
      <c r="J5607" s="3"/>
      <c r="K5607" s="3"/>
      <c r="L5607" s="3"/>
    </row>
    <row r="5608" spans="1:12" s="22" customFormat="1" ht="27" customHeight="1" x14ac:dyDescent="0.15">
      <c r="A5608" s="13"/>
      <c r="B5608" s="14"/>
      <c r="C5608" s="13"/>
      <c r="D5608" s="14"/>
      <c r="E5608" s="14"/>
      <c r="F5608" s="16"/>
      <c r="G5608" s="3"/>
      <c r="H5608" s="3"/>
      <c r="I5608" s="3"/>
      <c r="J5608" s="3"/>
      <c r="K5608" s="3"/>
      <c r="L5608" s="3"/>
    </row>
    <row r="5609" spans="1:12" s="22" customFormat="1" ht="27" customHeight="1" x14ac:dyDescent="0.15">
      <c r="A5609" s="13"/>
      <c r="B5609" s="14"/>
      <c r="C5609" s="13"/>
      <c r="D5609" s="14"/>
      <c r="E5609" s="14"/>
      <c r="F5609" s="16"/>
      <c r="G5609" s="3"/>
      <c r="H5609" s="3"/>
      <c r="I5609" s="3"/>
      <c r="J5609" s="3"/>
      <c r="K5609" s="3"/>
      <c r="L5609" s="3"/>
    </row>
    <row r="5610" spans="1:12" s="22" customFormat="1" ht="27" customHeight="1" x14ac:dyDescent="0.15">
      <c r="A5610" s="13"/>
      <c r="B5610" s="14"/>
      <c r="C5610" s="13"/>
      <c r="D5610" s="14"/>
      <c r="E5610" s="14"/>
      <c r="F5610" s="16"/>
      <c r="G5610" s="3"/>
      <c r="H5610" s="3"/>
      <c r="I5610" s="3"/>
      <c r="J5610" s="3"/>
      <c r="K5610" s="3"/>
      <c r="L5610" s="3"/>
    </row>
    <row r="5611" spans="1:12" s="22" customFormat="1" ht="27" customHeight="1" x14ac:dyDescent="0.15">
      <c r="A5611" s="13"/>
      <c r="B5611" s="14"/>
      <c r="C5611" s="13"/>
      <c r="D5611" s="14"/>
      <c r="E5611" s="14"/>
      <c r="F5611" s="16"/>
      <c r="G5611" s="3"/>
      <c r="H5611" s="3"/>
      <c r="I5611" s="3"/>
      <c r="J5611" s="3"/>
      <c r="K5611" s="3"/>
      <c r="L5611" s="3"/>
    </row>
    <row r="5612" spans="1:12" s="22" customFormat="1" ht="27" customHeight="1" x14ac:dyDescent="0.15">
      <c r="A5612" s="13"/>
      <c r="B5612" s="14"/>
      <c r="C5612" s="13"/>
      <c r="D5612" s="14"/>
      <c r="E5612" s="14"/>
      <c r="F5612" s="16"/>
      <c r="G5612" s="3"/>
      <c r="H5612" s="3"/>
      <c r="I5612" s="3"/>
      <c r="J5612" s="3"/>
      <c r="K5612" s="3"/>
      <c r="L5612" s="3"/>
    </row>
    <row r="5613" spans="1:12" s="22" customFormat="1" ht="27" customHeight="1" x14ac:dyDescent="0.15">
      <c r="A5613" s="13"/>
      <c r="B5613" s="14"/>
      <c r="C5613" s="13"/>
      <c r="D5613" s="14"/>
      <c r="E5613" s="14"/>
      <c r="F5613" s="16"/>
      <c r="G5613" s="3"/>
      <c r="H5613" s="3"/>
      <c r="I5613" s="3"/>
      <c r="J5613" s="3"/>
      <c r="K5613" s="3"/>
      <c r="L5613" s="3"/>
    </row>
    <row r="5614" spans="1:12" s="22" customFormat="1" ht="27" customHeight="1" x14ac:dyDescent="0.15">
      <c r="A5614" s="13"/>
      <c r="B5614" s="14"/>
      <c r="C5614" s="13"/>
      <c r="D5614" s="14"/>
      <c r="E5614" s="14"/>
      <c r="F5614" s="16"/>
      <c r="G5614" s="3"/>
      <c r="H5614" s="3"/>
      <c r="I5614" s="3"/>
      <c r="J5614" s="3"/>
      <c r="K5614" s="3"/>
      <c r="L5614" s="3"/>
    </row>
    <row r="5615" spans="1:12" s="22" customFormat="1" ht="27" customHeight="1" x14ac:dyDescent="0.15">
      <c r="A5615" s="13"/>
      <c r="B5615" s="14"/>
      <c r="C5615" s="13"/>
      <c r="D5615" s="14"/>
      <c r="E5615" s="14"/>
      <c r="F5615" s="16"/>
      <c r="G5615" s="3"/>
      <c r="H5615" s="3"/>
      <c r="I5615" s="3"/>
      <c r="J5615" s="3"/>
      <c r="K5615" s="3"/>
      <c r="L5615" s="3"/>
    </row>
    <row r="5616" spans="1:12" s="22" customFormat="1" ht="27" customHeight="1" x14ac:dyDescent="0.15">
      <c r="A5616" s="13"/>
      <c r="B5616" s="14"/>
      <c r="C5616" s="13"/>
      <c r="D5616" s="14"/>
      <c r="E5616" s="14"/>
      <c r="F5616" s="16"/>
      <c r="G5616" s="3"/>
      <c r="H5616" s="3"/>
      <c r="I5616" s="3"/>
      <c r="J5616" s="3"/>
      <c r="K5616" s="3"/>
      <c r="L5616" s="3"/>
    </row>
    <row r="5617" spans="1:12" s="22" customFormat="1" ht="27" customHeight="1" x14ac:dyDescent="0.15">
      <c r="A5617" s="13"/>
      <c r="B5617" s="14"/>
      <c r="C5617" s="13"/>
      <c r="D5617" s="14"/>
      <c r="E5617" s="14"/>
      <c r="F5617" s="16"/>
      <c r="G5617" s="3"/>
      <c r="H5617" s="3"/>
      <c r="I5617" s="3"/>
      <c r="J5617" s="3"/>
      <c r="K5617" s="3"/>
      <c r="L5617" s="3"/>
    </row>
    <row r="5618" spans="1:12" s="22" customFormat="1" ht="27" customHeight="1" x14ac:dyDescent="0.15">
      <c r="A5618" s="13"/>
      <c r="B5618" s="14"/>
      <c r="C5618" s="13"/>
      <c r="D5618" s="14"/>
      <c r="E5618" s="14"/>
      <c r="F5618" s="16"/>
      <c r="G5618" s="3"/>
      <c r="H5618" s="3"/>
      <c r="I5618" s="3"/>
      <c r="J5618" s="3"/>
      <c r="K5618" s="3"/>
      <c r="L5618" s="3"/>
    </row>
    <row r="5619" spans="1:12" s="22" customFormat="1" ht="27" customHeight="1" x14ac:dyDescent="0.15">
      <c r="A5619" s="13"/>
      <c r="B5619" s="14"/>
      <c r="C5619" s="13"/>
      <c r="D5619" s="14"/>
      <c r="E5619" s="14"/>
      <c r="F5619" s="16"/>
      <c r="G5619" s="3"/>
      <c r="H5619" s="3"/>
      <c r="I5619" s="3"/>
      <c r="J5619" s="3"/>
      <c r="K5619" s="3"/>
      <c r="L5619" s="3"/>
    </row>
    <row r="5620" spans="1:12" s="22" customFormat="1" ht="27" customHeight="1" x14ac:dyDescent="0.15">
      <c r="A5620" s="13"/>
      <c r="B5620" s="14"/>
      <c r="C5620" s="13"/>
      <c r="D5620" s="14"/>
      <c r="E5620" s="14"/>
      <c r="F5620" s="16"/>
      <c r="G5620" s="3"/>
      <c r="H5620" s="3"/>
      <c r="I5620" s="3"/>
      <c r="J5620" s="3"/>
      <c r="K5620" s="3"/>
      <c r="L5620" s="3"/>
    </row>
    <row r="5621" spans="1:12" s="22" customFormat="1" ht="27" customHeight="1" x14ac:dyDescent="0.15">
      <c r="A5621" s="13"/>
      <c r="B5621" s="14"/>
      <c r="C5621" s="13"/>
      <c r="D5621" s="14"/>
      <c r="E5621" s="14"/>
      <c r="F5621" s="16"/>
      <c r="G5621" s="3"/>
      <c r="H5621" s="3"/>
      <c r="I5621" s="3"/>
      <c r="J5621" s="3"/>
      <c r="K5621" s="3"/>
      <c r="L5621" s="3"/>
    </row>
    <row r="5622" spans="1:12" s="22" customFormat="1" ht="27" customHeight="1" x14ac:dyDescent="0.15">
      <c r="A5622" s="13"/>
      <c r="B5622" s="14"/>
      <c r="C5622" s="13"/>
      <c r="D5622" s="14"/>
      <c r="E5622" s="14"/>
      <c r="F5622" s="16"/>
      <c r="G5622" s="3"/>
      <c r="H5622" s="3"/>
      <c r="I5622" s="3"/>
      <c r="J5622" s="3"/>
      <c r="K5622" s="3"/>
      <c r="L5622" s="3"/>
    </row>
    <row r="5623" spans="1:12" s="22" customFormat="1" ht="27" customHeight="1" x14ac:dyDescent="0.15">
      <c r="A5623" s="13"/>
      <c r="B5623" s="14"/>
      <c r="C5623" s="13"/>
      <c r="D5623" s="14"/>
      <c r="E5623" s="14"/>
      <c r="F5623" s="16"/>
      <c r="G5623" s="3"/>
      <c r="H5623" s="3"/>
      <c r="I5623" s="3"/>
      <c r="J5623" s="3"/>
      <c r="K5623" s="3"/>
      <c r="L5623" s="3"/>
    </row>
    <row r="5624" spans="1:12" s="22" customFormat="1" ht="27" customHeight="1" x14ac:dyDescent="0.15">
      <c r="A5624" s="13"/>
      <c r="B5624" s="14"/>
      <c r="C5624" s="13"/>
      <c r="D5624" s="14"/>
      <c r="E5624" s="14"/>
      <c r="F5624" s="16"/>
      <c r="G5624" s="3"/>
      <c r="H5624" s="3"/>
      <c r="I5624" s="3"/>
      <c r="J5624" s="3"/>
      <c r="K5624" s="3"/>
      <c r="L5624" s="3"/>
    </row>
    <row r="5625" spans="1:12" s="22" customFormat="1" ht="27" customHeight="1" x14ac:dyDescent="0.15">
      <c r="A5625" s="13"/>
      <c r="B5625" s="14"/>
      <c r="C5625" s="13"/>
      <c r="D5625" s="14"/>
      <c r="E5625" s="14"/>
      <c r="F5625" s="16"/>
      <c r="G5625" s="3"/>
      <c r="H5625" s="3"/>
      <c r="I5625" s="3"/>
      <c r="J5625" s="3"/>
      <c r="K5625" s="3"/>
      <c r="L5625" s="3"/>
    </row>
    <row r="5626" spans="1:12" s="22" customFormat="1" ht="27" customHeight="1" x14ac:dyDescent="0.15">
      <c r="A5626" s="13"/>
      <c r="B5626" s="14"/>
      <c r="C5626" s="13"/>
      <c r="D5626" s="14"/>
      <c r="E5626" s="14"/>
      <c r="F5626" s="16"/>
      <c r="G5626" s="3"/>
      <c r="H5626" s="3"/>
      <c r="I5626" s="3"/>
      <c r="J5626" s="3"/>
      <c r="K5626" s="3"/>
      <c r="L5626" s="3"/>
    </row>
    <row r="5627" spans="1:12" s="22" customFormat="1" ht="27" customHeight="1" x14ac:dyDescent="0.15">
      <c r="A5627" s="13"/>
      <c r="B5627" s="14"/>
      <c r="C5627" s="13"/>
      <c r="D5627" s="14"/>
      <c r="E5627" s="14"/>
      <c r="F5627" s="16"/>
      <c r="G5627" s="3"/>
      <c r="H5627" s="3"/>
      <c r="I5627" s="3"/>
      <c r="J5627" s="3"/>
      <c r="K5627" s="3"/>
      <c r="L5627" s="3"/>
    </row>
    <row r="5628" spans="1:12" s="22" customFormat="1" ht="27" customHeight="1" x14ac:dyDescent="0.15">
      <c r="A5628" s="13"/>
      <c r="B5628" s="14"/>
      <c r="C5628" s="13"/>
      <c r="D5628" s="14"/>
      <c r="E5628" s="14"/>
      <c r="F5628" s="16"/>
      <c r="G5628" s="3"/>
      <c r="H5628" s="3"/>
      <c r="I5628" s="3"/>
      <c r="J5628" s="3"/>
      <c r="K5628" s="3"/>
      <c r="L5628" s="3"/>
    </row>
    <row r="5629" spans="1:12" s="22" customFormat="1" ht="27" customHeight="1" x14ac:dyDescent="0.15">
      <c r="A5629" s="13"/>
      <c r="B5629" s="14"/>
      <c r="C5629" s="13"/>
      <c r="D5629" s="14"/>
      <c r="E5629" s="14"/>
      <c r="F5629" s="16"/>
      <c r="G5629" s="3"/>
      <c r="H5629" s="3"/>
      <c r="I5629" s="3"/>
      <c r="J5629" s="3"/>
      <c r="K5629" s="3"/>
      <c r="L5629" s="3"/>
    </row>
    <row r="5630" spans="1:12" s="22" customFormat="1" ht="27" customHeight="1" x14ac:dyDescent="0.15">
      <c r="A5630" s="13"/>
      <c r="B5630" s="14"/>
      <c r="C5630" s="13"/>
      <c r="D5630" s="14"/>
      <c r="E5630" s="14"/>
      <c r="F5630" s="16"/>
      <c r="G5630" s="3"/>
      <c r="H5630" s="3"/>
      <c r="I5630" s="3"/>
      <c r="J5630" s="3"/>
      <c r="K5630" s="3"/>
      <c r="L5630" s="3"/>
    </row>
    <row r="5631" spans="1:12" s="22" customFormat="1" ht="27" customHeight="1" x14ac:dyDescent="0.15">
      <c r="A5631" s="13"/>
      <c r="B5631" s="14"/>
      <c r="C5631" s="13"/>
      <c r="D5631" s="14"/>
      <c r="E5631" s="14"/>
      <c r="F5631" s="16"/>
      <c r="G5631" s="3"/>
      <c r="H5631" s="3"/>
      <c r="I5631" s="3"/>
      <c r="J5631" s="3"/>
      <c r="K5631" s="3"/>
      <c r="L5631" s="3"/>
    </row>
    <row r="5632" spans="1:12" s="22" customFormat="1" ht="27" customHeight="1" x14ac:dyDescent="0.15">
      <c r="A5632" s="13"/>
      <c r="B5632" s="14"/>
      <c r="C5632" s="13"/>
      <c r="D5632" s="14"/>
      <c r="E5632" s="14"/>
      <c r="F5632" s="16"/>
      <c r="G5632" s="3"/>
      <c r="H5632" s="3"/>
      <c r="I5632" s="3"/>
      <c r="J5632" s="3"/>
      <c r="K5632" s="3"/>
      <c r="L5632" s="3"/>
    </row>
    <row r="5633" spans="1:12" s="22" customFormat="1" ht="27" customHeight="1" x14ac:dyDescent="0.15">
      <c r="A5633" s="13"/>
      <c r="B5633" s="14"/>
      <c r="C5633" s="13"/>
      <c r="D5633" s="14"/>
      <c r="E5633" s="14"/>
      <c r="F5633" s="16"/>
      <c r="G5633" s="3"/>
      <c r="H5633" s="3"/>
      <c r="I5633" s="3"/>
      <c r="J5633" s="3"/>
      <c r="K5633" s="3"/>
      <c r="L5633" s="3"/>
    </row>
    <row r="5634" spans="1:12" s="22" customFormat="1" ht="27" customHeight="1" x14ac:dyDescent="0.15">
      <c r="A5634" s="13"/>
      <c r="B5634" s="14"/>
      <c r="C5634" s="13"/>
      <c r="D5634" s="14"/>
      <c r="E5634" s="14"/>
      <c r="F5634" s="16"/>
      <c r="G5634" s="3"/>
      <c r="H5634" s="3"/>
      <c r="I5634" s="3"/>
      <c r="J5634" s="3"/>
      <c r="K5634" s="3"/>
      <c r="L5634" s="3"/>
    </row>
    <row r="5635" spans="1:12" s="22" customFormat="1" ht="27" customHeight="1" x14ac:dyDescent="0.15">
      <c r="A5635" s="13"/>
      <c r="B5635" s="14"/>
      <c r="C5635" s="13"/>
      <c r="D5635" s="14"/>
      <c r="E5635" s="14"/>
      <c r="F5635" s="16"/>
      <c r="G5635" s="3"/>
      <c r="H5635" s="3"/>
      <c r="I5635" s="3"/>
      <c r="J5635" s="3"/>
      <c r="K5635" s="3"/>
      <c r="L5635" s="3"/>
    </row>
    <row r="5636" spans="1:12" s="22" customFormat="1" ht="27" customHeight="1" x14ac:dyDescent="0.15">
      <c r="A5636" s="13"/>
      <c r="B5636" s="14"/>
      <c r="C5636" s="13"/>
      <c r="D5636" s="14"/>
      <c r="E5636" s="14"/>
      <c r="F5636" s="16"/>
      <c r="G5636" s="3"/>
      <c r="H5636" s="3"/>
      <c r="I5636" s="3"/>
      <c r="J5636" s="3"/>
      <c r="K5636" s="3"/>
      <c r="L5636" s="3"/>
    </row>
    <row r="5637" spans="1:12" s="22" customFormat="1" ht="27" customHeight="1" x14ac:dyDescent="0.15">
      <c r="A5637" s="13"/>
      <c r="B5637" s="14"/>
      <c r="C5637" s="13"/>
      <c r="D5637" s="14"/>
      <c r="E5637" s="14"/>
      <c r="F5637" s="16"/>
      <c r="G5637" s="3"/>
      <c r="H5637" s="3"/>
      <c r="I5637" s="3"/>
      <c r="J5637" s="3"/>
      <c r="K5637" s="3"/>
      <c r="L5637" s="3"/>
    </row>
    <row r="5638" spans="1:12" s="22" customFormat="1" ht="27" customHeight="1" x14ac:dyDescent="0.15">
      <c r="A5638" s="13"/>
      <c r="B5638" s="14"/>
      <c r="C5638" s="13"/>
      <c r="D5638" s="14"/>
      <c r="E5638" s="14"/>
      <c r="F5638" s="16"/>
      <c r="G5638" s="3"/>
      <c r="H5638" s="3"/>
      <c r="I5638" s="3"/>
      <c r="J5638" s="3"/>
      <c r="K5638" s="3"/>
      <c r="L5638" s="3"/>
    </row>
    <row r="5639" spans="1:12" s="22" customFormat="1" ht="27" customHeight="1" x14ac:dyDescent="0.15">
      <c r="A5639" s="13"/>
      <c r="B5639" s="14"/>
      <c r="C5639" s="13"/>
      <c r="D5639" s="14"/>
      <c r="E5639" s="14"/>
      <c r="F5639" s="16"/>
      <c r="G5639" s="3"/>
      <c r="H5639" s="3"/>
      <c r="I5639" s="3"/>
      <c r="J5639" s="3"/>
      <c r="K5639" s="3"/>
      <c r="L5639" s="3"/>
    </row>
    <row r="5640" spans="1:12" s="22" customFormat="1" ht="27" customHeight="1" x14ac:dyDescent="0.15">
      <c r="A5640" s="13"/>
      <c r="B5640" s="14"/>
      <c r="C5640" s="13"/>
      <c r="D5640" s="14"/>
      <c r="E5640" s="14"/>
      <c r="F5640" s="16"/>
      <c r="G5640" s="3"/>
      <c r="H5640" s="3"/>
      <c r="I5640" s="3"/>
      <c r="J5640" s="3"/>
      <c r="K5640" s="3"/>
      <c r="L5640" s="3"/>
    </row>
    <row r="5641" spans="1:12" s="22" customFormat="1" ht="27" customHeight="1" x14ac:dyDescent="0.15">
      <c r="A5641" s="13"/>
      <c r="B5641" s="14"/>
      <c r="C5641" s="13"/>
      <c r="D5641" s="14"/>
      <c r="E5641" s="14"/>
      <c r="F5641" s="16"/>
      <c r="G5641" s="3"/>
      <c r="H5641" s="3"/>
      <c r="I5641" s="3"/>
      <c r="J5641" s="3"/>
      <c r="K5641" s="3"/>
      <c r="L5641" s="3"/>
    </row>
    <row r="5642" spans="1:12" s="22" customFormat="1" ht="27" customHeight="1" x14ac:dyDescent="0.15">
      <c r="A5642" s="13"/>
      <c r="B5642" s="14"/>
      <c r="C5642" s="13"/>
      <c r="D5642" s="14"/>
      <c r="E5642" s="14"/>
      <c r="F5642" s="16"/>
      <c r="G5642" s="3"/>
      <c r="H5642" s="3"/>
      <c r="I5642" s="3"/>
      <c r="J5642" s="3"/>
      <c r="K5642" s="3"/>
      <c r="L5642" s="3"/>
    </row>
    <row r="5643" spans="1:12" s="22" customFormat="1" ht="27" customHeight="1" x14ac:dyDescent="0.15">
      <c r="A5643" s="13"/>
      <c r="B5643" s="14"/>
      <c r="C5643" s="13"/>
      <c r="D5643" s="14"/>
      <c r="E5643" s="14"/>
      <c r="F5643" s="16"/>
      <c r="G5643" s="3"/>
      <c r="H5643" s="3"/>
      <c r="I5643" s="3"/>
      <c r="J5643" s="3"/>
      <c r="K5643" s="3"/>
      <c r="L5643" s="3"/>
    </row>
    <row r="5644" spans="1:12" s="22" customFormat="1" ht="27" customHeight="1" x14ac:dyDescent="0.15">
      <c r="A5644" s="13"/>
      <c r="B5644" s="14"/>
      <c r="C5644" s="13"/>
      <c r="D5644" s="14"/>
      <c r="E5644" s="14"/>
      <c r="F5644" s="16"/>
      <c r="G5644" s="3"/>
      <c r="H5644" s="3"/>
      <c r="I5644" s="3"/>
      <c r="J5644" s="3"/>
      <c r="K5644" s="3"/>
      <c r="L5644" s="3"/>
    </row>
    <row r="5645" spans="1:12" s="22" customFormat="1" ht="27" customHeight="1" x14ac:dyDescent="0.15">
      <c r="A5645" s="13"/>
      <c r="B5645" s="14"/>
      <c r="C5645" s="13"/>
      <c r="D5645" s="14"/>
      <c r="E5645" s="14"/>
      <c r="F5645" s="16"/>
      <c r="G5645" s="3"/>
      <c r="H5645" s="3"/>
      <c r="I5645" s="3"/>
      <c r="J5645" s="3"/>
      <c r="K5645" s="3"/>
      <c r="L5645" s="3"/>
    </row>
    <row r="5646" spans="1:12" s="22" customFormat="1" ht="27" customHeight="1" x14ac:dyDescent="0.15">
      <c r="A5646" s="13"/>
      <c r="B5646" s="14"/>
      <c r="C5646" s="13"/>
      <c r="D5646" s="14"/>
      <c r="E5646" s="14"/>
      <c r="F5646" s="16"/>
      <c r="G5646" s="3"/>
      <c r="H5646" s="3"/>
      <c r="I5646" s="3"/>
      <c r="J5646" s="3"/>
      <c r="K5646" s="3"/>
      <c r="L5646" s="3"/>
    </row>
    <row r="5647" spans="1:12" s="22" customFormat="1" ht="27" customHeight="1" x14ac:dyDescent="0.15">
      <c r="A5647" s="13"/>
      <c r="B5647" s="14"/>
      <c r="C5647" s="13"/>
      <c r="D5647" s="14"/>
      <c r="E5647" s="14"/>
      <c r="F5647" s="16"/>
      <c r="G5647" s="3"/>
      <c r="H5647" s="3"/>
      <c r="I5647" s="3"/>
      <c r="J5647" s="3"/>
      <c r="K5647" s="3"/>
      <c r="L5647" s="3"/>
    </row>
    <row r="5648" spans="1:12" s="22" customFormat="1" ht="27" customHeight="1" x14ac:dyDescent="0.15">
      <c r="A5648" s="13"/>
      <c r="B5648" s="14"/>
      <c r="C5648" s="13"/>
      <c r="D5648" s="14"/>
      <c r="E5648" s="14"/>
      <c r="F5648" s="16"/>
      <c r="G5648" s="3"/>
      <c r="H5648" s="3"/>
      <c r="I5648" s="3"/>
      <c r="J5648" s="3"/>
      <c r="K5648" s="3"/>
      <c r="L5648" s="3"/>
    </row>
    <row r="5649" spans="1:12" s="22" customFormat="1" ht="27" customHeight="1" x14ac:dyDescent="0.15">
      <c r="A5649" s="13"/>
      <c r="B5649" s="14"/>
      <c r="C5649" s="13"/>
      <c r="D5649" s="14"/>
      <c r="E5649" s="14"/>
      <c r="F5649" s="16"/>
      <c r="G5649" s="3"/>
      <c r="H5649" s="3"/>
      <c r="I5649" s="3"/>
      <c r="J5649" s="3"/>
      <c r="K5649" s="3"/>
      <c r="L5649" s="3"/>
    </row>
    <row r="5650" spans="1:12" s="22" customFormat="1" ht="27" customHeight="1" x14ac:dyDescent="0.15">
      <c r="A5650" s="13"/>
      <c r="B5650" s="14"/>
      <c r="C5650" s="13"/>
      <c r="D5650" s="14"/>
      <c r="E5650" s="14"/>
      <c r="F5650" s="16"/>
      <c r="G5650" s="3"/>
      <c r="H5650" s="3"/>
      <c r="I5650" s="3"/>
      <c r="J5650" s="3"/>
      <c r="K5650" s="3"/>
      <c r="L5650" s="3"/>
    </row>
    <row r="5651" spans="1:12" s="22" customFormat="1" ht="27" customHeight="1" x14ac:dyDescent="0.15">
      <c r="A5651" s="13"/>
      <c r="B5651" s="14"/>
      <c r="C5651" s="13"/>
      <c r="D5651" s="14"/>
      <c r="E5651" s="14"/>
      <c r="F5651" s="16"/>
      <c r="G5651" s="3"/>
      <c r="H5651" s="3"/>
      <c r="I5651" s="3"/>
      <c r="J5651" s="3"/>
      <c r="K5651" s="3"/>
      <c r="L5651" s="3"/>
    </row>
    <row r="5652" spans="1:12" s="22" customFormat="1" ht="27" customHeight="1" x14ac:dyDescent="0.15">
      <c r="A5652" s="13"/>
      <c r="B5652" s="14"/>
      <c r="C5652" s="13"/>
      <c r="D5652" s="14"/>
      <c r="E5652" s="14"/>
      <c r="F5652" s="16"/>
      <c r="G5652" s="3"/>
      <c r="H5652" s="3"/>
      <c r="I5652" s="3"/>
      <c r="J5652" s="3"/>
      <c r="K5652" s="3"/>
      <c r="L5652" s="3"/>
    </row>
    <row r="5653" spans="1:12" s="22" customFormat="1" ht="27" customHeight="1" x14ac:dyDescent="0.15">
      <c r="A5653" s="13"/>
      <c r="B5653" s="14"/>
      <c r="C5653" s="13"/>
      <c r="D5653" s="14"/>
      <c r="E5653" s="14"/>
      <c r="F5653" s="16"/>
      <c r="G5653" s="3"/>
      <c r="H5653" s="3"/>
      <c r="I5653" s="3"/>
      <c r="J5653" s="3"/>
      <c r="K5653" s="3"/>
      <c r="L5653" s="3"/>
    </row>
    <row r="5654" spans="1:12" s="22" customFormat="1" ht="27" customHeight="1" x14ac:dyDescent="0.15">
      <c r="A5654" s="13"/>
      <c r="B5654" s="14"/>
      <c r="C5654" s="13"/>
      <c r="D5654" s="14"/>
      <c r="E5654" s="14"/>
      <c r="F5654" s="16"/>
      <c r="G5654" s="3"/>
      <c r="H5654" s="3"/>
      <c r="I5654" s="3"/>
      <c r="J5654" s="3"/>
      <c r="K5654" s="3"/>
      <c r="L5654" s="3"/>
    </row>
    <row r="5655" spans="1:12" s="22" customFormat="1" ht="27" customHeight="1" x14ac:dyDescent="0.15">
      <c r="A5655" s="13"/>
      <c r="B5655" s="14"/>
      <c r="C5655" s="13"/>
      <c r="D5655" s="14"/>
      <c r="E5655" s="14"/>
      <c r="F5655" s="16"/>
      <c r="G5655" s="3"/>
      <c r="H5655" s="3"/>
      <c r="I5655" s="3"/>
      <c r="J5655" s="3"/>
      <c r="K5655" s="3"/>
      <c r="L5655" s="3"/>
    </row>
    <row r="5656" spans="1:12" s="22" customFormat="1" ht="27" customHeight="1" x14ac:dyDescent="0.15">
      <c r="A5656" s="13"/>
      <c r="B5656" s="14"/>
      <c r="C5656" s="13"/>
      <c r="D5656" s="14"/>
      <c r="E5656" s="14"/>
      <c r="F5656" s="16"/>
      <c r="G5656" s="3"/>
      <c r="H5656" s="3"/>
      <c r="I5656" s="3"/>
      <c r="J5656" s="3"/>
      <c r="K5656" s="3"/>
      <c r="L5656" s="3"/>
    </row>
    <row r="5657" spans="1:12" s="22" customFormat="1" ht="27" customHeight="1" x14ac:dyDescent="0.15">
      <c r="A5657" s="13"/>
      <c r="B5657" s="14"/>
      <c r="C5657" s="13"/>
      <c r="D5657" s="14"/>
      <c r="E5657" s="14"/>
      <c r="F5657" s="16"/>
      <c r="G5657" s="3"/>
      <c r="H5657" s="3"/>
      <c r="I5657" s="3"/>
      <c r="J5657" s="3"/>
      <c r="K5657" s="3"/>
      <c r="L5657" s="3"/>
    </row>
    <row r="5658" spans="1:12" s="22" customFormat="1" ht="27" customHeight="1" x14ac:dyDescent="0.15">
      <c r="A5658" s="13"/>
      <c r="B5658" s="14"/>
      <c r="C5658" s="13"/>
      <c r="D5658" s="14"/>
      <c r="E5658" s="14"/>
      <c r="F5658" s="16"/>
      <c r="G5658" s="3"/>
      <c r="H5658" s="3"/>
      <c r="I5658" s="3"/>
      <c r="J5658" s="3"/>
      <c r="K5658" s="3"/>
      <c r="L5658" s="3"/>
    </row>
    <row r="5659" spans="1:12" s="22" customFormat="1" ht="27" customHeight="1" x14ac:dyDescent="0.15">
      <c r="A5659" s="13"/>
      <c r="B5659" s="14"/>
      <c r="C5659" s="13"/>
      <c r="D5659" s="14"/>
      <c r="E5659" s="14"/>
      <c r="F5659" s="16"/>
      <c r="G5659" s="3"/>
      <c r="H5659" s="3"/>
      <c r="I5659" s="3"/>
      <c r="J5659" s="3"/>
      <c r="K5659" s="3"/>
      <c r="L5659" s="3"/>
    </row>
    <row r="5660" spans="1:12" s="22" customFormat="1" ht="27" customHeight="1" x14ac:dyDescent="0.15">
      <c r="A5660" s="13"/>
      <c r="B5660" s="14"/>
      <c r="C5660" s="13"/>
      <c r="D5660" s="14"/>
      <c r="E5660" s="14"/>
      <c r="F5660" s="16"/>
      <c r="G5660" s="3"/>
      <c r="H5660" s="3"/>
      <c r="I5660" s="3"/>
      <c r="J5660" s="3"/>
      <c r="K5660" s="3"/>
      <c r="L5660" s="3"/>
    </row>
    <row r="5661" spans="1:12" s="22" customFormat="1" ht="27" customHeight="1" x14ac:dyDescent="0.15">
      <c r="A5661" s="13"/>
      <c r="B5661" s="14"/>
      <c r="C5661" s="13"/>
      <c r="D5661" s="14"/>
      <c r="E5661" s="14"/>
      <c r="F5661" s="16"/>
      <c r="G5661" s="3"/>
      <c r="H5661" s="3"/>
      <c r="I5661" s="3"/>
      <c r="J5661" s="3"/>
      <c r="K5661" s="3"/>
      <c r="L5661" s="3"/>
    </row>
    <row r="5662" spans="1:12" s="22" customFormat="1" ht="27" customHeight="1" x14ac:dyDescent="0.15">
      <c r="A5662" s="13"/>
      <c r="B5662" s="14"/>
      <c r="C5662" s="13"/>
      <c r="D5662" s="14"/>
      <c r="E5662" s="14"/>
      <c r="F5662" s="16"/>
      <c r="G5662" s="3"/>
      <c r="H5662" s="3"/>
      <c r="I5662" s="3"/>
      <c r="J5662" s="3"/>
      <c r="K5662" s="3"/>
      <c r="L5662" s="3"/>
    </row>
    <row r="5663" spans="1:12" s="22" customFormat="1" ht="27" customHeight="1" x14ac:dyDescent="0.15">
      <c r="A5663" s="13"/>
      <c r="B5663" s="14"/>
      <c r="C5663" s="13"/>
      <c r="D5663" s="14"/>
      <c r="E5663" s="14"/>
      <c r="F5663" s="16"/>
      <c r="G5663" s="3"/>
      <c r="H5663" s="3"/>
      <c r="I5663" s="3"/>
      <c r="J5663" s="3"/>
      <c r="K5663" s="3"/>
      <c r="L5663" s="3"/>
    </row>
    <row r="5664" spans="1:12" s="22" customFormat="1" ht="27" customHeight="1" x14ac:dyDescent="0.15">
      <c r="A5664" s="13"/>
      <c r="B5664" s="14"/>
      <c r="C5664" s="13"/>
      <c r="D5664" s="14"/>
      <c r="E5664" s="14"/>
      <c r="F5664" s="16"/>
      <c r="G5664" s="3"/>
      <c r="H5664" s="3"/>
      <c r="I5664" s="3"/>
      <c r="J5664" s="3"/>
      <c r="K5664" s="3"/>
      <c r="L5664" s="3"/>
    </row>
    <row r="5665" spans="1:12" s="22" customFormat="1" ht="27" customHeight="1" x14ac:dyDescent="0.15">
      <c r="A5665" s="13"/>
      <c r="B5665" s="14"/>
      <c r="C5665" s="13"/>
      <c r="D5665" s="14"/>
      <c r="E5665" s="14"/>
      <c r="F5665" s="16"/>
      <c r="G5665" s="3"/>
      <c r="H5665" s="3"/>
      <c r="I5665" s="3"/>
      <c r="J5665" s="3"/>
      <c r="K5665" s="3"/>
      <c r="L5665" s="3"/>
    </row>
    <row r="5666" spans="1:12" s="22" customFormat="1" ht="27" customHeight="1" x14ac:dyDescent="0.15">
      <c r="A5666" s="13"/>
      <c r="B5666" s="14"/>
      <c r="C5666" s="13"/>
      <c r="D5666" s="14"/>
      <c r="E5666" s="14"/>
      <c r="F5666" s="16"/>
      <c r="G5666" s="3"/>
      <c r="H5666" s="3"/>
      <c r="I5666" s="3"/>
      <c r="J5666" s="3"/>
      <c r="K5666" s="3"/>
      <c r="L5666" s="3"/>
    </row>
    <row r="5667" spans="1:12" s="22" customFormat="1" ht="27" customHeight="1" x14ac:dyDescent="0.15">
      <c r="A5667" s="13"/>
      <c r="B5667" s="14"/>
      <c r="C5667" s="13"/>
      <c r="D5667" s="14"/>
      <c r="E5667" s="14"/>
      <c r="F5667" s="16"/>
      <c r="G5667" s="3"/>
      <c r="H5667" s="3"/>
      <c r="I5667" s="3"/>
      <c r="J5667" s="3"/>
      <c r="K5667" s="3"/>
      <c r="L5667" s="3"/>
    </row>
    <row r="5668" spans="1:12" s="22" customFormat="1" ht="27" customHeight="1" x14ac:dyDescent="0.15">
      <c r="A5668" s="13"/>
      <c r="B5668" s="14"/>
      <c r="C5668" s="13"/>
      <c r="D5668" s="14"/>
      <c r="E5668" s="14"/>
      <c r="F5668" s="16"/>
      <c r="G5668" s="3"/>
      <c r="H5668" s="3"/>
      <c r="I5668" s="3"/>
      <c r="J5668" s="3"/>
      <c r="K5668" s="3"/>
      <c r="L5668" s="3"/>
    </row>
    <row r="5669" spans="1:12" s="22" customFormat="1" ht="27" customHeight="1" x14ac:dyDescent="0.15">
      <c r="A5669" s="13"/>
      <c r="B5669" s="14"/>
      <c r="C5669" s="13"/>
      <c r="D5669" s="14"/>
      <c r="E5669" s="14"/>
      <c r="F5669" s="16"/>
      <c r="G5669" s="3"/>
      <c r="H5669" s="3"/>
      <c r="I5669" s="3"/>
      <c r="J5669" s="3"/>
      <c r="K5669" s="3"/>
      <c r="L5669" s="3"/>
    </row>
    <row r="5670" spans="1:12" s="22" customFormat="1" ht="27" customHeight="1" x14ac:dyDescent="0.15">
      <c r="A5670" s="13"/>
      <c r="B5670" s="14"/>
      <c r="C5670" s="13"/>
      <c r="D5670" s="14"/>
      <c r="E5670" s="14"/>
      <c r="F5670" s="16"/>
      <c r="G5670" s="3"/>
      <c r="H5670" s="3"/>
      <c r="I5670" s="3"/>
      <c r="J5670" s="3"/>
      <c r="K5670" s="3"/>
      <c r="L5670" s="3"/>
    </row>
    <row r="5671" spans="1:12" s="22" customFormat="1" ht="27" customHeight="1" x14ac:dyDescent="0.15">
      <c r="A5671" s="13"/>
      <c r="B5671" s="14"/>
      <c r="C5671" s="13"/>
      <c r="D5671" s="14"/>
      <c r="E5671" s="14"/>
      <c r="F5671" s="16"/>
      <c r="G5671" s="3"/>
      <c r="H5671" s="3"/>
      <c r="I5671" s="3"/>
      <c r="J5671" s="3"/>
      <c r="K5671" s="3"/>
      <c r="L5671" s="3"/>
    </row>
    <row r="5672" spans="1:12" s="22" customFormat="1" ht="27" customHeight="1" x14ac:dyDescent="0.15">
      <c r="A5672" s="13"/>
      <c r="B5672" s="14"/>
      <c r="C5672" s="13"/>
      <c r="D5672" s="14"/>
      <c r="E5672" s="14"/>
      <c r="F5672" s="16"/>
      <c r="G5672" s="3"/>
      <c r="H5672" s="3"/>
      <c r="I5672" s="3"/>
      <c r="J5672" s="3"/>
      <c r="K5672" s="3"/>
      <c r="L5672" s="3"/>
    </row>
    <row r="5673" spans="1:12" s="22" customFormat="1" ht="27" customHeight="1" x14ac:dyDescent="0.15">
      <c r="A5673" s="13"/>
      <c r="B5673" s="14"/>
      <c r="C5673" s="13"/>
      <c r="D5673" s="14"/>
      <c r="E5673" s="14"/>
      <c r="F5673" s="16"/>
      <c r="G5673" s="3"/>
      <c r="H5673" s="3"/>
      <c r="I5673" s="3"/>
      <c r="J5673" s="3"/>
      <c r="K5673" s="3"/>
      <c r="L5673" s="3"/>
    </row>
    <row r="5674" spans="1:12" s="22" customFormat="1" ht="27" customHeight="1" x14ac:dyDescent="0.15">
      <c r="A5674" s="13"/>
      <c r="B5674" s="14"/>
      <c r="C5674" s="13"/>
      <c r="D5674" s="14"/>
      <c r="E5674" s="14"/>
      <c r="F5674" s="16"/>
      <c r="G5674" s="3"/>
      <c r="H5674" s="3"/>
      <c r="I5674" s="3"/>
      <c r="J5674" s="3"/>
      <c r="K5674" s="3"/>
      <c r="L5674" s="3"/>
    </row>
    <row r="5675" spans="1:12" s="22" customFormat="1" ht="27" customHeight="1" x14ac:dyDescent="0.15">
      <c r="A5675" s="13"/>
      <c r="B5675" s="14"/>
      <c r="C5675" s="13"/>
      <c r="D5675" s="14"/>
      <c r="E5675" s="14"/>
      <c r="F5675" s="16"/>
      <c r="G5675" s="3"/>
      <c r="H5675" s="3"/>
      <c r="I5675" s="3"/>
      <c r="J5675" s="3"/>
      <c r="K5675" s="3"/>
      <c r="L5675" s="3"/>
    </row>
    <row r="5676" spans="1:12" s="22" customFormat="1" ht="27" customHeight="1" x14ac:dyDescent="0.15">
      <c r="A5676" s="13"/>
      <c r="B5676" s="14"/>
      <c r="C5676" s="13"/>
      <c r="D5676" s="14"/>
      <c r="E5676" s="14"/>
      <c r="F5676" s="16"/>
      <c r="G5676" s="3"/>
      <c r="H5676" s="3"/>
      <c r="I5676" s="3"/>
      <c r="J5676" s="3"/>
      <c r="K5676" s="3"/>
      <c r="L5676" s="3"/>
    </row>
    <row r="5677" spans="1:12" s="22" customFormat="1" ht="27" customHeight="1" x14ac:dyDescent="0.15">
      <c r="A5677" s="13"/>
      <c r="B5677" s="14"/>
      <c r="C5677" s="13"/>
      <c r="D5677" s="14"/>
      <c r="E5677" s="14"/>
      <c r="F5677" s="16"/>
      <c r="G5677" s="3"/>
      <c r="H5677" s="3"/>
      <c r="I5677" s="3"/>
      <c r="J5677" s="3"/>
      <c r="K5677" s="3"/>
      <c r="L5677" s="3"/>
    </row>
    <row r="5678" spans="1:12" s="22" customFormat="1" ht="27" customHeight="1" x14ac:dyDescent="0.15">
      <c r="A5678" s="13"/>
      <c r="B5678" s="14"/>
      <c r="C5678" s="13"/>
      <c r="D5678" s="14"/>
      <c r="E5678" s="14"/>
      <c r="F5678" s="16"/>
      <c r="G5678" s="3"/>
      <c r="H5678" s="3"/>
      <c r="I5678" s="3"/>
      <c r="J5678" s="3"/>
      <c r="K5678" s="3"/>
      <c r="L5678" s="3"/>
    </row>
    <row r="5679" spans="1:12" s="22" customFormat="1" ht="27" customHeight="1" x14ac:dyDescent="0.15">
      <c r="A5679" s="13"/>
      <c r="B5679" s="14"/>
      <c r="C5679" s="13"/>
      <c r="D5679" s="14"/>
      <c r="E5679" s="14"/>
      <c r="F5679" s="16"/>
      <c r="G5679" s="3"/>
      <c r="H5679" s="3"/>
      <c r="I5679" s="3"/>
      <c r="J5679" s="3"/>
      <c r="K5679" s="3"/>
      <c r="L5679" s="3"/>
    </row>
    <row r="5680" spans="1:12" s="22" customFormat="1" ht="27" customHeight="1" x14ac:dyDescent="0.15">
      <c r="A5680" s="13"/>
      <c r="B5680" s="14"/>
      <c r="C5680" s="13"/>
      <c r="D5680" s="14"/>
      <c r="E5680" s="14"/>
      <c r="F5680" s="16"/>
      <c r="G5680" s="3"/>
      <c r="H5680" s="3"/>
      <c r="I5680" s="3"/>
      <c r="J5680" s="3"/>
      <c r="K5680" s="3"/>
      <c r="L5680" s="3"/>
    </row>
    <row r="5681" spans="1:12" s="22" customFormat="1" ht="27" customHeight="1" x14ac:dyDescent="0.15">
      <c r="A5681" s="13"/>
      <c r="B5681" s="14"/>
      <c r="C5681" s="13"/>
      <c r="D5681" s="14"/>
      <c r="E5681" s="14"/>
      <c r="F5681" s="16"/>
      <c r="G5681" s="3"/>
      <c r="H5681" s="3"/>
      <c r="I5681" s="3"/>
      <c r="J5681" s="3"/>
      <c r="K5681" s="3"/>
      <c r="L5681" s="3"/>
    </row>
    <row r="5682" spans="1:12" s="22" customFormat="1" ht="27" customHeight="1" x14ac:dyDescent="0.15">
      <c r="A5682" s="13"/>
      <c r="B5682" s="14"/>
      <c r="C5682" s="13"/>
      <c r="D5682" s="14"/>
      <c r="E5682" s="14"/>
      <c r="F5682" s="16"/>
      <c r="G5682" s="3"/>
      <c r="H5682" s="3"/>
      <c r="I5682" s="3"/>
      <c r="J5682" s="3"/>
      <c r="K5682" s="3"/>
      <c r="L5682" s="3"/>
    </row>
    <row r="5683" spans="1:12" s="22" customFormat="1" ht="27" customHeight="1" x14ac:dyDescent="0.15">
      <c r="A5683" s="13"/>
      <c r="B5683" s="14"/>
      <c r="C5683" s="13"/>
      <c r="D5683" s="14"/>
      <c r="E5683" s="14"/>
      <c r="F5683" s="16"/>
      <c r="G5683" s="3"/>
      <c r="H5683" s="3"/>
      <c r="I5683" s="3"/>
      <c r="J5683" s="3"/>
      <c r="K5683" s="3"/>
      <c r="L5683" s="3"/>
    </row>
    <row r="5684" spans="1:12" s="22" customFormat="1" ht="27" customHeight="1" x14ac:dyDescent="0.15">
      <c r="A5684" s="13"/>
      <c r="B5684" s="14"/>
      <c r="C5684" s="13"/>
      <c r="D5684" s="14"/>
      <c r="E5684" s="14"/>
      <c r="F5684" s="16"/>
      <c r="G5684" s="3"/>
      <c r="H5684" s="3"/>
      <c r="I5684" s="3"/>
      <c r="J5684" s="3"/>
      <c r="K5684" s="3"/>
      <c r="L5684" s="3"/>
    </row>
    <row r="5685" spans="1:12" s="22" customFormat="1" ht="27" customHeight="1" x14ac:dyDescent="0.15">
      <c r="A5685" s="13"/>
      <c r="B5685" s="14"/>
      <c r="C5685" s="13"/>
      <c r="D5685" s="14"/>
      <c r="E5685" s="14"/>
      <c r="F5685" s="16"/>
      <c r="G5685" s="3"/>
      <c r="H5685" s="3"/>
      <c r="I5685" s="3"/>
      <c r="J5685" s="3"/>
      <c r="K5685" s="3"/>
      <c r="L5685" s="3"/>
    </row>
    <row r="5686" spans="1:12" s="22" customFormat="1" ht="27" customHeight="1" x14ac:dyDescent="0.15">
      <c r="A5686" s="13"/>
      <c r="B5686" s="14"/>
      <c r="C5686" s="13"/>
      <c r="D5686" s="14"/>
      <c r="E5686" s="14"/>
      <c r="F5686" s="16"/>
      <c r="G5686" s="3"/>
      <c r="H5686" s="3"/>
      <c r="I5686" s="3"/>
      <c r="J5686" s="3"/>
      <c r="K5686" s="3"/>
      <c r="L5686" s="3"/>
    </row>
    <row r="5687" spans="1:12" s="22" customFormat="1" ht="27" customHeight="1" x14ac:dyDescent="0.15">
      <c r="A5687" s="13"/>
      <c r="B5687" s="14"/>
      <c r="C5687" s="13"/>
      <c r="D5687" s="14"/>
      <c r="E5687" s="14"/>
      <c r="F5687" s="16"/>
      <c r="G5687" s="3"/>
      <c r="H5687" s="3"/>
      <c r="I5687" s="3"/>
      <c r="J5687" s="3"/>
      <c r="K5687" s="3"/>
      <c r="L5687" s="3"/>
    </row>
    <row r="5688" spans="1:12" s="22" customFormat="1" ht="27" customHeight="1" x14ac:dyDescent="0.15">
      <c r="A5688" s="13"/>
      <c r="B5688" s="14"/>
      <c r="C5688" s="13"/>
      <c r="D5688" s="14"/>
      <c r="E5688" s="14"/>
      <c r="F5688" s="16"/>
      <c r="G5688" s="3"/>
      <c r="H5688" s="3"/>
      <c r="I5688" s="3"/>
      <c r="J5688" s="3"/>
      <c r="K5688" s="3"/>
      <c r="L5688" s="3"/>
    </row>
    <row r="5689" spans="1:12" s="22" customFormat="1" ht="27" customHeight="1" x14ac:dyDescent="0.15">
      <c r="A5689" s="13"/>
      <c r="B5689" s="14"/>
      <c r="C5689" s="13"/>
      <c r="D5689" s="14"/>
      <c r="E5689" s="14"/>
      <c r="F5689" s="16"/>
      <c r="G5689" s="3"/>
      <c r="H5689" s="3"/>
      <c r="I5689" s="3"/>
      <c r="J5689" s="3"/>
      <c r="K5689" s="3"/>
      <c r="L5689" s="3"/>
    </row>
    <row r="5690" spans="1:12" s="22" customFormat="1" ht="27" customHeight="1" x14ac:dyDescent="0.15">
      <c r="A5690" s="13"/>
      <c r="B5690" s="14"/>
      <c r="C5690" s="13"/>
      <c r="D5690" s="14"/>
      <c r="E5690" s="14"/>
      <c r="F5690" s="16"/>
      <c r="G5690" s="3"/>
      <c r="H5690" s="3"/>
      <c r="I5690" s="3"/>
      <c r="J5690" s="3"/>
      <c r="K5690" s="3"/>
      <c r="L5690" s="3"/>
    </row>
    <row r="5691" spans="1:12" s="22" customFormat="1" ht="27" customHeight="1" x14ac:dyDescent="0.15">
      <c r="A5691" s="13"/>
      <c r="B5691" s="14"/>
      <c r="C5691" s="13"/>
      <c r="D5691" s="14"/>
      <c r="E5691" s="14"/>
      <c r="F5691" s="16"/>
      <c r="G5691" s="3"/>
      <c r="H5691" s="3"/>
      <c r="I5691" s="3"/>
      <c r="J5691" s="3"/>
      <c r="K5691" s="3"/>
      <c r="L5691" s="3"/>
    </row>
    <row r="5692" spans="1:12" s="22" customFormat="1" ht="27" customHeight="1" x14ac:dyDescent="0.15">
      <c r="A5692" s="13"/>
      <c r="B5692" s="14"/>
      <c r="C5692" s="13"/>
      <c r="D5692" s="14"/>
      <c r="E5692" s="14"/>
      <c r="F5692" s="16"/>
      <c r="G5692" s="3"/>
      <c r="H5692" s="3"/>
      <c r="I5692" s="3"/>
      <c r="J5692" s="3"/>
      <c r="K5692" s="3"/>
      <c r="L5692" s="3"/>
    </row>
    <row r="5693" spans="1:12" s="22" customFormat="1" ht="27" customHeight="1" x14ac:dyDescent="0.15">
      <c r="A5693" s="13"/>
      <c r="B5693" s="14"/>
      <c r="C5693" s="13"/>
      <c r="D5693" s="14"/>
      <c r="E5693" s="14"/>
      <c r="F5693" s="16"/>
      <c r="G5693" s="3"/>
      <c r="H5693" s="3"/>
      <c r="I5693" s="3"/>
      <c r="J5693" s="3"/>
      <c r="K5693" s="3"/>
      <c r="L5693" s="3"/>
    </row>
    <row r="5694" spans="1:12" s="22" customFormat="1" ht="27" customHeight="1" x14ac:dyDescent="0.15">
      <c r="A5694" s="13"/>
      <c r="B5694" s="14"/>
      <c r="C5694" s="13"/>
      <c r="D5694" s="14"/>
      <c r="E5694" s="14"/>
      <c r="F5694" s="16"/>
      <c r="G5694" s="3"/>
      <c r="H5694" s="3"/>
      <c r="I5694" s="3"/>
      <c r="J5694" s="3"/>
      <c r="K5694" s="3"/>
      <c r="L5694" s="3"/>
    </row>
    <row r="5695" spans="1:12" s="22" customFormat="1" ht="27" customHeight="1" x14ac:dyDescent="0.15">
      <c r="A5695" s="13"/>
      <c r="B5695" s="14"/>
      <c r="C5695" s="13"/>
      <c r="D5695" s="14"/>
      <c r="E5695" s="14"/>
      <c r="F5695" s="16"/>
      <c r="G5695" s="3"/>
      <c r="H5695" s="3"/>
      <c r="I5695" s="3"/>
      <c r="J5695" s="3"/>
      <c r="K5695" s="3"/>
      <c r="L5695" s="3"/>
    </row>
    <row r="5696" spans="1:12" s="22" customFormat="1" ht="27" customHeight="1" x14ac:dyDescent="0.15">
      <c r="A5696" s="13"/>
      <c r="B5696" s="14"/>
      <c r="C5696" s="13"/>
      <c r="D5696" s="14"/>
      <c r="E5696" s="14"/>
      <c r="F5696" s="16"/>
      <c r="G5696" s="3"/>
      <c r="H5696" s="3"/>
      <c r="I5696" s="3"/>
      <c r="J5696" s="3"/>
      <c r="K5696" s="3"/>
      <c r="L5696" s="3"/>
    </row>
    <row r="5697" spans="1:12" s="22" customFormat="1" ht="27" customHeight="1" x14ac:dyDescent="0.15">
      <c r="A5697" s="13"/>
      <c r="B5697" s="14"/>
      <c r="C5697" s="13"/>
      <c r="D5697" s="14"/>
      <c r="E5697" s="14"/>
      <c r="F5697" s="16"/>
      <c r="G5697" s="3"/>
      <c r="H5697" s="3"/>
      <c r="I5697" s="3"/>
      <c r="J5697" s="3"/>
      <c r="K5697" s="3"/>
      <c r="L5697" s="3"/>
    </row>
    <row r="5698" spans="1:12" s="22" customFormat="1" ht="27" customHeight="1" x14ac:dyDescent="0.15">
      <c r="A5698" s="13"/>
      <c r="B5698" s="14"/>
      <c r="C5698" s="13"/>
      <c r="D5698" s="14"/>
      <c r="E5698" s="14"/>
      <c r="F5698" s="16"/>
      <c r="G5698" s="3"/>
      <c r="H5698" s="3"/>
      <c r="I5698" s="3"/>
      <c r="J5698" s="3"/>
      <c r="K5698" s="3"/>
      <c r="L5698" s="3"/>
    </row>
    <row r="5699" spans="1:12" s="22" customFormat="1" ht="27" customHeight="1" x14ac:dyDescent="0.15">
      <c r="A5699" s="13"/>
      <c r="B5699" s="14"/>
      <c r="C5699" s="13"/>
      <c r="D5699" s="14"/>
      <c r="E5699" s="14"/>
      <c r="F5699" s="16"/>
      <c r="G5699" s="3"/>
      <c r="H5699" s="3"/>
      <c r="I5699" s="3"/>
      <c r="J5699" s="3"/>
      <c r="K5699" s="3"/>
      <c r="L5699" s="3"/>
    </row>
    <row r="5700" spans="1:12" s="22" customFormat="1" ht="27" customHeight="1" x14ac:dyDescent="0.15">
      <c r="A5700" s="13"/>
      <c r="B5700" s="14"/>
      <c r="C5700" s="13"/>
      <c r="D5700" s="14"/>
      <c r="E5700" s="14"/>
      <c r="F5700" s="16"/>
      <c r="G5700" s="3"/>
      <c r="H5700" s="3"/>
      <c r="I5700" s="3"/>
      <c r="J5700" s="3"/>
      <c r="K5700" s="3"/>
      <c r="L5700" s="3"/>
    </row>
    <row r="5701" spans="1:12" s="22" customFormat="1" ht="27" customHeight="1" x14ac:dyDescent="0.15">
      <c r="A5701" s="13"/>
      <c r="B5701" s="14"/>
      <c r="C5701" s="13"/>
      <c r="D5701" s="14"/>
      <c r="E5701" s="14"/>
      <c r="F5701" s="16"/>
      <c r="G5701" s="3"/>
      <c r="H5701" s="3"/>
      <c r="I5701" s="3"/>
      <c r="J5701" s="3"/>
      <c r="K5701" s="3"/>
      <c r="L5701" s="3"/>
    </row>
    <row r="5702" spans="1:12" s="22" customFormat="1" ht="27" customHeight="1" x14ac:dyDescent="0.15">
      <c r="A5702" s="13"/>
      <c r="B5702" s="14"/>
      <c r="C5702" s="13"/>
      <c r="D5702" s="14"/>
      <c r="E5702" s="14"/>
      <c r="F5702" s="16"/>
      <c r="G5702" s="3"/>
      <c r="H5702" s="3"/>
      <c r="I5702" s="3"/>
      <c r="J5702" s="3"/>
      <c r="K5702" s="3"/>
      <c r="L5702" s="3"/>
    </row>
    <row r="5703" spans="1:12" s="22" customFormat="1" ht="27" customHeight="1" x14ac:dyDescent="0.15">
      <c r="A5703" s="13"/>
      <c r="B5703" s="14"/>
      <c r="C5703" s="13"/>
      <c r="D5703" s="14"/>
      <c r="E5703" s="14"/>
      <c r="F5703" s="16"/>
      <c r="G5703" s="3"/>
      <c r="H5703" s="3"/>
      <c r="I5703" s="3"/>
      <c r="J5703" s="3"/>
      <c r="K5703" s="3"/>
      <c r="L5703" s="3"/>
    </row>
    <row r="5704" spans="1:12" s="22" customFormat="1" ht="27" customHeight="1" x14ac:dyDescent="0.15">
      <c r="A5704" s="13"/>
      <c r="B5704" s="14"/>
      <c r="C5704" s="13"/>
      <c r="D5704" s="14"/>
      <c r="E5704" s="14"/>
      <c r="F5704" s="16"/>
      <c r="G5704" s="3"/>
      <c r="H5704" s="3"/>
      <c r="I5704" s="3"/>
      <c r="J5704" s="3"/>
      <c r="K5704" s="3"/>
      <c r="L5704" s="3"/>
    </row>
    <row r="5705" spans="1:12" s="22" customFormat="1" ht="27" customHeight="1" x14ac:dyDescent="0.15">
      <c r="A5705" s="13"/>
      <c r="B5705" s="14"/>
      <c r="C5705" s="13"/>
      <c r="D5705" s="14"/>
      <c r="E5705" s="14"/>
      <c r="F5705" s="16"/>
      <c r="G5705" s="3"/>
      <c r="H5705" s="3"/>
      <c r="I5705" s="3"/>
      <c r="J5705" s="3"/>
      <c r="K5705" s="3"/>
      <c r="L5705" s="3"/>
    </row>
    <row r="5706" spans="1:12" s="22" customFormat="1" ht="27" customHeight="1" x14ac:dyDescent="0.15">
      <c r="A5706" s="13"/>
      <c r="B5706" s="14"/>
      <c r="C5706" s="13"/>
      <c r="D5706" s="14"/>
      <c r="E5706" s="14"/>
      <c r="F5706" s="16"/>
      <c r="G5706" s="3"/>
      <c r="H5706" s="3"/>
      <c r="I5706" s="3"/>
      <c r="J5706" s="3"/>
      <c r="K5706" s="3"/>
      <c r="L5706" s="3"/>
    </row>
    <row r="5707" spans="1:12" s="22" customFormat="1" ht="27" customHeight="1" x14ac:dyDescent="0.15">
      <c r="A5707" s="13"/>
      <c r="B5707" s="14"/>
      <c r="C5707" s="13"/>
      <c r="D5707" s="14"/>
      <c r="E5707" s="14"/>
      <c r="F5707" s="16"/>
      <c r="G5707" s="3"/>
      <c r="H5707" s="3"/>
      <c r="I5707" s="3"/>
      <c r="J5707" s="3"/>
      <c r="K5707" s="3"/>
      <c r="L5707" s="3"/>
    </row>
    <row r="5708" spans="1:12" s="22" customFormat="1" ht="27" customHeight="1" x14ac:dyDescent="0.15">
      <c r="A5708" s="13"/>
      <c r="B5708" s="14"/>
      <c r="C5708" s="13"/>
      <c r="D5708" s="14"/>
      <c r="E5708" s="14"/>
      <c r="F5708" s="16"/>
      <c r="G5708" s="3"/>
      <c r="H5708" s="3"/>
      <c r="I5708" s="3"/>
      <c r="J5708" s="3"/>
      <c r="K5708" s="3"/>
      <c r="L5708" s="3"/>
    </row>
    <row r="5709" spans="1:12" s="22" customFormat="1" ht="27" customHeight="1" x14ac:dyDescent="0.15">
      <c r="A5709" s="13"/>
      <c r="B5709" s="14"/>
      <c r="C5709" s="13"/>
      <c r="D5709" s="14"/>
      <c r="E5709" s="14"/>
      <c r="F5709" s="16"/>
      <c r="G5709" s="3"/>
      <c r="H5709" s="3"/>
      <c r="I5709" s="3"/>
      <c r="J5709" s="3"/>
      <c r="K5709" s="3"/>
      <c r="L5709" s="3"/>
    </row>
    <row r="5710" spans="1:12" s="22" customFormat="1" ht="27" customHeight="1" x14ac:dyDescent="0.15">
      <c r="A5710" s="13"/>
      <c r="B5710" s="14"/>
      <c r="C5710" s="13"/>
      <c r="D5710" s="14"/>
      <c r="E5710" s="14"/>
      <c r="F5710" s="16"/>
      <c r="G5710" s="3"/>
      <c r="H5710" s="3"/>
      <c r="I5710" s="3"/>
      <c r="J5710" s="3"/>
      <c r="K5710" s="3"/>
      <c r="L5710" s="3"/>
    </row>
    <row r="5711" spans="1:12" s="22" customFormat="1" ht="27" customHeight="1" x14ac:dyDescent="0.15">
      <c r="A5711" s="13"/>
      <c r="B5711" s="14"/>
      <c r="C5711" s="13"/>
      <c r="D5711" s="14"/>
      <c r="E5711" s="14"/>
      <c r="F5711" s="16"/>
      <c r="G5711" s="3"/>
      <c r="H5711" s="3"/>
      <c r="I5711" s="3"/>
      <c r="J5711" s="3"/>
      <c r="K5711" s="3"/>
      <c r="L5711" s="3"/>
    </row>
    <row r="5712" spans="1:12" s="22" customFormat="1" ht="27" customHeight="1" x14ac:dyDescent="0.15">
      <c r="A5712" s="13"/>
      <c r="B5712" s="14"/>
      <c r="C5712" s="13"/>
      <c r="D5712" s="14"/>
      <c r="E5712" s="14"/>
      <c r="F5712" s="16"/>
      <c r="G5712" s="3"/>
      <c r="H5712" s="3"/>
      <c r="I5712" s="3"/>
      <c r="J5712" s="3"/>
      <c r="K5712" s="3"/>
      <c r="L5712" s="3"/>
    </row>
    <row r="5713" spans="1:12" s="22" customFormat="1" ht="27" customHeight="1" x14ac:dyDescent="0.15">
      <c r="A5713" s="13"/>
      <c r="B5713" s="14"/>
      <c r="C5713" s="13"/>
      <c r="D5713" s="14"/>
      <c r="E5713" s="14"/>
      <c r="F5713" s="16"/>
      <c r="G5713" s="3"/>
      <c r="H5713" s="3"/>
      <c r="I5713" s="3"/>
      <c r="J5713" s="3"/>
      <c r="K5713" s="3"/>
      <c r="L5713" s="3"/>
    </row>
    <row r="5714" spans="1:12" s="22" customFormat="1" ht="27" customHeight="1" x14ac:dyDescent="0.15">
      <c r="A5714" s="13"/>
      <c r="B5714" s="14"/>
      <c r="C5714" s="13"/>
      <c r="D5714" s="14"/>
      <c r="E5714" s="14"/>
      <c r="F5714" s="16"/>
      <c r="G5714" s="3"/>
      <c r="H5714" s="3"/>
      <c r="I5714" s="3"/>
      <c r="J5714" s="3"/>
      <c r="K5714" s="3"/>
      <c r="L5714" s="3"/>
    </row>
    <row r="5715" spans="1:12" s="22" customFormat="1" ht="27" customHeight="1" x14ac:dyDescent="0.15">
      <c r="A5715" s="13"/>
      <c r="B5715" s="14"/>
      <c r="C5715" s="13"/>
      <c r="D5715" s="14"/>
      <c r="E5715" s="14"/>
      <c r="F5715" s="16"/>
      <c r="G5715" s="3"/>
      <c r="H5715" s="3"/>
      <c r="I5715" s="3"/>
      <c r="J5715" s="3"/>
      <c r="K5715" s="3"/>
      <c r="L5715" s="3"/>
    </row>
    <row r="5716" spans="1:12" s="22" customFormat="1" ht="27" customHeight="1" x14ac:dyDescent="0.15">
      <c r="A5716" s="13"/>
      <c r="B5716" s="14"/>
      <c r="C5716" s="13"/>
      <c r="D5716" s="14"/>
      <c r="E5716" s="14"/>
      <c r="F5716" s="16"/>
      <c r="G5716" s="3"/>
      <c r="H5716" s="3"/>
      <c r="I5716" s="3"/>
      <c r="J5716" s="3"/>
      <c r="K5716" s="3"/>
      <c r="L5716" s="3"/>
    </row>
    <row r="5717" spans="1:12" s="22" customFormat="1" ht="27" customHeight="1" x14ac:dyDescent="0.15">
      <c r="A5717" s="13"/>
      <c r="B5717" s="14"/>
      <c r="C5717" s="13"/>
      <c r="D5717" s="14"/>
      <c r="E5717" s="14"/>
      <c r="F5717" s="16"/>
      <c r="G5717" s="3"/>
      <c r="H5717" s="3"/>
      <c r="I5717" s="3"/>
      <c r="J5717" s="3"/>
      <c r="K5717" s="3"/>
      <c r="L5717" s="3"/>
    </row>
    <row r="5718" spans="1:12" s="22" customFormat="1" ht="27" customHeight="1" x14ac:dyDescent="0.15">
      <c r="A5718" s="13"/>
      <c r="B5718" s="14"/>
      <c r="C5718" s="13"/>
      <c r="D5718" s="14"/>
      <c r="E5718" s="14"/>
      <c r="F5718" s="16"/>
      <c r="G5718" s="3"/>
      <c r="H5718" s="3"/>
      <c r="I5718" s="3"/>
      <c r="J5718" s="3"/>
      <c r="K5718" s="3"/>
      <c r="L5718" s="3"/>
    </row>
    <row r="5719" spans="1:12" s="22" customFormat="1" ht="27" customHeight="1" x14ac:dyDescent="0.15">
      <c r="A5719" s="13"/>
      <c r="B5719" s="14"/>
      <c r="C5719" s="13"/>
      <c r="D5719" s="14"/>
      <c r="E5719" s="14"/>
      <c r="F5719" s="16"/>
      <c r="G5719" s="3"/>
      <c r="H5719" s="3"/>
      <c r="I5719" s="3"/>
      <c r="J5719" s="3"/>
      <c r="K5719" s="3"/>
      <c r="L5719" s="3"/>
    </row>
    <row r="5720" spans="1:12" s="22" customFormat="1" ht="27" customHeight="1" x14ac:dyDescent="0.15">
      <c r="A5720" s="13"/>
      <c r="B5720" s="14"/>
      <c r="C5720" s="13"/>
      <c r="D5720" s="14"/>
      <c r="E5720" s="14"/>
      <c r="F5720" s="16"/>
      <c r="G5720" s="3"/>
      <c r="H5720" s="3"/>
      <c r="I5720" s="3"/>
      <c r="J5720" s="3"/>
      <c r="K5720" s="3"/>
      <c r="L5720" s="3"/>
    </row>
    <row r="5721" spans="1:12" s="22" customFormat="1" ht="27" customHeight="1" x14ac:dyDescent="0.15">
      <c r="A5721" s="13"/>
      <c r="B5721" s="14"/>
      <c r="C5721" s="13"/>
      <c r="D5721" s="14"/>
      <c r="E5721" s="14"/>
      <c r="F5721" s="16"/>
      <c r="G5721" s="3"/>
      <c r="H5721" s="3"/>
      <c r="I5721" s="3"/>
      <c r="J5721" s="3"/>
      <c r="K5721" s="3"/>
      <c r="L5721" s="3"/>
    </row>
    <row r="5722" spans="1:12" s="22" customFormat="1" ht="27" customHeight="1" x14ac:dyDescent="0.15">
      <c r="A5722" s="13"/>
      <c r="B5722" s="14"/>
      <c r="C5722" s="13"/>
      <c r="D5722" s="14"/>
      <c r="E5722" s="14"/>
      <c r="F5722" s="16"/>
      <c r="G5722" s="3"/>
      <c r="H5722" s="3"/>
      <c r="I5722" s="3"/>
      <c r="J5722" s="3"/>
      <c r="K5722" s="3"/>
      <c r="L5722" s="3"/>
    </row>
    <row r="5723" spans="1:12" s="22" customFormat="1" ht="27" customHeight="1" x14ac:dyDescent="0.15">
      <c r="A5723" s="13"/>
      <c r="B5723" s="14"/>
      <c r="C5723" s="13"/>
      <c r="D5723" s="14"/>
      <c r="E5723" s="14"/>
      <c r="F5723" s="16"/>
      <c r="G5723" s="3"/>
      <c r="H5723" s="3"/>
      <c r="I5723" s="3"/>
      <c r="J5723" s="3"/>
      <c r="K5723" s="3"/>
      <c r="L5723" s="3"/>
    </row>
    <row r="5724" spans="1:12" s="22" customFormat="1" ht="27" customHeight="1" x14ac:dyDescent="0.15">
      <c r="A5724" s="13"/>
      <c r="B5724" s="14"/>
      <c r="C5724" s="13"/>
      <c r="D5724" s="14"/>
      <c r="E5724" s="14"/>
      <c r="F5724" s="16"/>
      <c r="G5724" s="3"/>
      <c r="H5724" s="3"/>
      <c r="I5724" s="3"/>
      <c r="J5724" s="3"/>
      <c r="K5724" s="3"/>
      <c r="L5724" s="3"/>
    </row>
    <row r="5725" spans="1:12" s="22" customFormat="1" ht="27" customHeight="1" x14ac:dyDescent="0.15">
      <c r="A5725" s="13"/>
      <c r="B5725" s="14"/>
      <c r="C5725" s="13"/>
      <c r="D5725" s="14"/>
      <c r="E5725" s="14"/>
      <c r="F5725" s="16"/>
      <c r="G5725" s="3"/>
      <c r="H5725" s="3"/>
      <c r="I5725" s="3"/>
      <c r="J5725" s="3"/>
      <c r="K5725" s="3"/>
      <c r="L5725" s="3"/>
    </row>
    <row r="5726" spans="1:12" s="22" customFormat="1" ht="27" customHeight="1" x14ac:dyDescent="0.15">
      <c r="A5726" s="13"/>
      <c r="B5726" s="14"/>
      <c r="C5726" s="13"/>
      <c r="D5726" s="14"/>
      <c r="E5726" s="14"/>
      <c r="F5726" s="16"/>
      <c r="G5726" s="3"/>
      <c r="H5726" s="3"/>
      <c r="I5726" s="3"/>
      <c r="J5726" s="3"/>
      <c r="K5726" s="3"/>
      <c r="L5726" s="3"/>
    </row>
    <row r="5727" spans="1:12" s="22" customFormat="1" ht="27" customHeight="1" x14ac:dyDescent="0.15">
      <c r="A5727" s="13"/>
      <c r="B5727" s="14"/>
      <c r="C5727" s="13"/>
      <c r="D5727" s="14"/>
      <c r="E5727" s="14"/>
      <c r="F5727" s="16"/>
      <c r="G5727" s="3"/>
      <c r="H5727" s="3"/>
      <c r="I5727" s="3"/>
      <c r="J5727" s="3"/>
      <c r="K5727" s="3"/>
      <c r="L5727" s="3"/>
    </row>
    <row r="5728" spans="1:12" s="22" customFormat="1" ht="27" customHeight="1" x14ac:dyDescent="0.15">
      <c r="A5728" s="13"/>
      <c r="B5728" s="14"/>
      <c r="C5728" s="13"/>
      <c r="D5728" s="14"/>
      <c r="E5728" s="14"/>
      <c r="F5728" s="16"/>
      <c r="G5728" s="3"/>
      <c r="H5728" s="3"/>
      <c r="I5728" s="3"/>
      <c r="J5728" s="3"/>
      <c r="K5728" s="3"/>
      <c r="L5728" s="3"/>
    </row>
    <row r="5729" spans="1:12" s="22" customFormat="1" ht="27" customHeight="1" x14ac:dyDescent="0.15">
      <c r="A5729" s="13"/>
      <c r="B5729" s="14"/>
      <c r="C5729" s="13"/>
      <c r="D5729" s="14"/>
      <c r="E5729" s="14"/>
      <c r="F5729" s="16"/>
      <c r="G5729" s="3"/>
      <c r="H5729" s="3"/>
      <c r="I5729" s="3"/>
      <c r="J5729" s="3"/>
      <c r="K5729" s="3"/>
      <c r="L5729" s="3"/>
    </row>
    <row r="5730" spans="1:12" s="22" customFormat="1" ht="27" customHeight="1" x14ac:dyDescent="0.15">
      <c r="A5730" s="13"/>
      <c r="B5730" s="14"/>
      <c r="C5730" s="13"/>
      <c r="D5730" s="14"/>
      <c r="E5730" s="14"/>
      <c r="F5730" s="16"/>
      <c r="G5730" s="3"/>
      <c r="H5730" s="3"/>
      <c r="I5730" s="3"/>
      <c r="J5730" s="3"/>
      <c r="K5730" s="3"/>
      <c r="L5730" s="3"/>
    </row>
    <row r="5731" spans="1:12" s="22" customFormat="1" ht="27" customHeight="1" x14ac:dyDescent="0.15">
      <c r="A5731" s="13"/>
      <c r="B5731" s="14"/>
      <c r="C5731" s="13"/>
      <c r="D5731" s="14"/>
      <c r="E5731" s="14"/>
      <c r="F5731" s="16"/>
      <c r="G5731" s="3"/>
      <c r="H5731" s="3"/>
      <c r="I5731" s="3"/>
      <c r="J5731" s="3"/>
      <c r="K5731" s="3"/>
      <c r="L5731" s="3"/>
    </row>
    <row r="5732" spans="1:12" s="22" customFormat="1" ht="27" customHeight="1" x14ac:dyDescent="0.15">
      <c r="A5732" s="13"/>
      <c r="B5732" s="14"/>
      <c r="C5732" s="13"/>
      <c r="D5732" s="14"/>
      <c r="E5732" s="14"/>
      <c r="F5732" s="16"/>
      <c r="G5732" s="3"/>
      <c r="H5732" s="3"/>
      <c r="I5732" s="3"/>
      <c r="J5732" s="3"/>
      <c r="K5732" s="3"/>
      <c r="L5732" s="3"/>
    </row>
    <row r="5733" spans="1:12" s="22" customFormat="1" ht="27" customHeight="1" x14ac:dyDescent="0.15">
      <c r="A5733" s="13"/>
      <c r="B5733" s="14"/>
      <c r="C5733" s="13"/>
      <c r="D5733" s="14"/>
      <c r="E5733" s="14"/>
      <c r="F5733" s="16"/>
      <c r="G5733" s="3"/>
      <c r="H5733" s="3"/>
      <c r="I5733" s="3"/>
      <c r="J5733" s="3"/>
      <c r="K5733" s="3"/>
      <c r="L5733" s="3"/>
    </row>
    <row r="5734" spans="1:12" s="22" customFormat="1" ht="27" customHeight="1" x14ac:dyDescent="0.15">
      <c r="A5734" s="13"/>
      <c r="B5734" s="14"/>
      <c r="C5734" s="13"/>
      <c r="D5734" s="14"/>
      <c r="E5734" s="14"/>
      <c r="F5734" s="16"/>
      <c r="G5734" s="3"/>
      <c r="H5734" s="3"/>
      <c r="I5734" s="3"/>
      <c r="J5734" s="3"/>
      <c r="K5734" s="3"/>
      <c r="L5734" s="3"/>
    </row>
    <row r="5735" spans="1:12" s="22" customFormat="1" ht="27" customHeight="1" x14ac:dyDescent="0.15">
      <c r="A5735" s="13"/>
      <c r="B5735" s="14"/>
      <c r="C5735" s="13"/>
      <c r="D5735" s="14"/>
      <c r="E5735" s="14"/>
      <c r="F5735" s="16"/>
      <c r="G5735" s="3"/>
      <c r="H5735" s="3"/>
      <c r="I5735" s="3"/>
      <c r="J5735" s="3"/>
      <c r="K5735" s="3"/>
      <c r="L5735" s="3"/>
    </row>
    <row r="5736" spans="1:12" s="22" customFormat="1" ht="27" customHeight="1" x14ac:dyDescent="0.15">
      <c r="A5736" s="13"/>
      <c r="B5736" s="14"/>
      <c r="C5736" s="13"/>
      <c r="D5736" s="14"/>
      <c r="E5736" s="14"/>
      <c r="F5736" s="16"/>
      <c r="G5736" s="3"/>
      <c r="H5736" s="3"/>
      <c r="I5736" s="3"/>
      <c r="J5736" s="3"/>
      <c r="K5736" s="3"/>
      <c r="L5736" s="3"/>
    </row>
    <row r="5737" spans="1:12" s="22" customFormat="1" ht="27" customHeight="1" x14ac:dyDescent="0.15">
      <c r="A5737" s="13"/>
      <c r="B5737" s="14"/>
      <c r="C5737" s="13"/>
      <c r="D5737" s="14"/>
      <c r="E5737" s="14"/>
      <c r="F5737" s="16"/>
      <c r="G5737" s="3"/>
      <c r="H5737" s="3"/>
      <c r="I5737" s="3"/>
      <c r="J5737" s="3"/>
      <c r="K5737" s="3"/>
      <c r="L5737" s="3"/>
    </row>
    <row r="5738" spans="1:12" s="22" customFormat="1" ht="27" customHeight="1" x14ac:dyDescent="0.15">
      <c r="A5738" s="13"/>
      <c r="B5738" s="14"/>
      <c r="C5738" s="13"/>
      <c r="D5738" s="14"/>
      <c r="E5738" s="14"/>
      <c r="F5738" s="16"/>
      <c r="G5738" s="3"/>
      <c r="H5738" s="3"/>
      <c r="I5738" s="3"/>
      <c r="J5738" s="3"/>
      <c r="K5738" s="3"/>
      <c r="L5738" s="3"/>
    </row>
    <row r="5739" spans="1:12" s="22" customFormat="1" ht="27" customHeight="1" x14ac:dyDescent="0.15">
      <c r="A5739" s="13"/>
      <c r="B5739" s="14"/>
      <c r="C5739" s="13"/>
      <c r="D5739" s="14"/>
      <c r="E5739" s="14"/>
      <c r="F5739" s="16"/>
      <c r="G5739" s="3"/>
      <c r="H5739" s="3"/>
      <c r="I5739" s="3"/>
      <c r="J5739" s="3"/>
      <c r="K5739" s="3"/>
      <c r="L5739" s="3"/>
    </row>
    <row r="5740" spans="1:12" s="22" customFormat="1" ht="27" customHeight="1" x14ac:dyDescent="0.15">
      <c r="A5740" s="13"/>
      <c r="B5740" s="14"/>
      <c r="C5740" s="13"/>
      <c r="D5740" s="14"/>
      <c r="E5740" s="14"/>
      <c r="F5740" s="16"/>
      <c r="G5740" s="3"/>
      <c r="H5740" s="3"/>
      <c r="I5740" s="3"/>
      <c r="J5740" s="3"/>
      <c r="K5740" s="3"/>
      <c r="L5740" s="3"/>
    </row>
    <row r="5741" spans="1:12" s="22" customFormat="1" ht="27" customHeight="1" x14ac:dyDescent="0.15">
      <c r="A5741" s="13"/>
      <c r="B5741" s="14"/>
      <c r="C5741" s="13"/>
      <c r="D5741" s="14"/>
      <c r="E5741" s="14"/>
      <c r="F5741" s="16"/>
      <c r="G5741" s="3"/>
      <c r="H5741" s="3"/>
      <c r="I5741" s="3"/>
      <c r="J5741" s="3"/>
      <c r="K5741" s="3"/>
      <c r="L5741" s="3"/>
    </row>
    <row r="5742" spans="1:12" s="22" customFormat="1" ht="27" customHeight="1" x14ac:dyDescent="0.15">
      <c r="A5742" s="13"/>
      <c r="B5742" s="14"/>
      <c r="C5742" s="13"/>
      <c r="D5742" s="14"/>
      <c r="E5742" s="14"/>
      <c r="F5742" s="16"/>
      <c r="G5742" s="3"/>
      <c r="H5742" s="3"/>
      <c r="I5742" s="3"/>
      <c r="J5742" s="3"/>
      <c r="K5742" s="3"/>
      <c r="L5742" s="3"/>
    </row>
    <row r="5743" spans="1:12" s="22" customFormat="1" ht="27" customHeight="1" x14ac:dyDescent="0.15">
      <c r="A5743" s="13"/>
      <c r="B5743" s="14"/>
      <c r="C5743" s="13"/>
      <c r="D5743" s="14"/>
      <c r="E5743" s="14"/>
      <c r="F5743" s="16"/>
      <c r="G5743" s="3"/>
      <c r="H5743" s="3"/>
      <c r="I5743" s="3"/>
      <c r="J5743" s="3"/>
      <c r="K5743" s="3"/>
      <c r="L5743" s="3"/>
    </row>
    <row r="5744" spans="1:12" s="22" customFormat="1" ht="27" customHeight="1" x14ac:dyDescent="0.15">
      <c r="A5744" s="13"/>
      <c r="B5744" s="14"/>
      <c r="C5744" s="13"/>
      <c r="D5744" s="14"/>
      <c r="E5744" s="14"/>
      <c r="F5744" s="16"/>
      <c r="G5744" s="3"/>
      <c r="H5744" s="3"/>
      <c r="I5744" s="3"/>
      <c r="J5744" s="3"/>
      <c r="K5744" s="3"/>
      <c r="L5744" s="3"/>
    </row>
    <row r="5745" spans="1:12" s="22" customFormat="1" ht="27" customHeight="1" x14ac:dyDescent="0.15">
      <c r="A5745" s="13"/>
      <c r="B5745" s="14"/>
      <c r="C5745" s="13"/>
      <c r="D5745" s="14"/>
      <c r="E5745" s="14"/>
      <c r="F5745" s="16"/>
      <c r="G5745" s="3"/>
      <c r="H5745" s="3"/>
      <c r="I5745" s="3"/>
      <c r="J5745" s="3"/>
      <c r="K5745" s="3"/>
      <c r="L5745" s="3"/>
    </row>
    <row r="5746" spans="1:12" s="22" customFormat="1" ht="27" customHeight="1" x14ac:dyDescent="0.15">
      <c r="A5746" s="13"/>
      <c r="B5746" s="14"/>
      <c r="C5746" s="13"/>
      <c r="D5746" s="14"/>
      <c r="E5746" s="14"/>
      <c r="F5746" s="16"/>
      <c r="G5746" s="3"/>
      <c r="H5746" s="3"/>
      <c r="I5746" s="3"/>
      <c r="J5746" s="3"/>
      <c r="K5746" s="3"/>
      <c r="L5746" s="3"/>
    </row>
    <row r="5747" spans="1:12" s="22" customFormat="1" ht="27" customHeight="1" x14ac:dyDescent="0.15">
      <c r="A5747" s="13"/>
      <c r="B5747" s="14"/>
      <c r="C5747" s="13"/>
      <c r="D5747" s="14"/>
      <c r="E5747" s="14"/>
      <c r="F5747" s="16"/>
      <c r="G5747" s="3"/>
      <c r="H5747" s="3"/>
      <c r="I5747" s="3"/>
      <c r="J5747" s="3"/>
      <c r="K5747" s="3"/>
      <c r="L5747" s="3"/>
    </row>
    <row r="5748" spans="1:12" s="22" customFormat="1" ht="27" customHeight="1" x14ac:dyDescent="0.15">
      <c r="A5748" s="13"/>
      <c r="B5748" s="14"/>
      <c r="C5748" s="13"/>
      <c r="D5748" s="14"/>
      <c r="E5748" s="14"/>
      <c r="F5748" s="16"/>
      <c r="G5748" s="3"/>
      <c r="H5748" s="3"/>
      <c r="I5748" s="3"/>
      <c r="J5748" s="3"/>
      <c r="K5748" s="3"/>
      <c r="L5748" s="3"/>
    </row>
    <row r="5749" spans="1:12" s="22" customFormat="1" ht="27" customHeight="1" x14ac:dyDescent="0.15">
      <c r="A5749" s="13"/>
      <c r="B5749" s="14"/>
      <c r="C5749" s="13"/>
      <c r="D5749" s="14"/>
      <c r="E5749" s="14"/>
      <c r="F5749" s="16"/>
      <c r="G5749" s="3"/>
      <c r="H5749" s="3"/>
      <c r="I5749" s="3"/>
      <c r="J5749" s="3"/>
      <c r="K5749" s="3"/>
      <c r="L5749" s="3"/>
    </row>
    <row r="5750" spans="1:12" s="22" customFormat="1" ht="27" customHeight="1" x14ac:dyDescent="0.15">
      <c r="A5750" s="13"/>
      <c r="B5750" s="14"/>
      <c r="C5750" s="13"/>
      <c r="D5750" s="14"/>
      <c r="E5750" s="14"/>
      <c r="F5750" s="16"/>
      <c r="G5750" s="3"/>
      <c r="H5750" s="3"/>
      <c r="I5750" s="3"/>
      <c r="J5750" s="3"/>
      <c r="K5750" s="3"/>
      <c r="L5750" s="3"/>
    </row>
    <row r="5751" spans="1:12" s="22" customFormat="1" ht="27" customHeight="1" x14ac:dyDescent="0.15">
      <c r="A5751" s="13"/>
      <c r="B5751" s="14"/>
      <c r="C5751" s="13"/>
      <c r="D5751" s="14"/>
      <c r="E5751" s="14"/>
      <c r="F5751" s="16"/>
      <c r="G5751" s="3"/>
      <c r="H5751" s="3"/>
      <c r="I5751" s="3"/>
      <c r="J5751" s="3"/>
      <c r="K5751" s="3"/>
      <c r="L5751" s="3"/>
    </row>
    <row r="5752" spans="1:12" s="22" customFormat="1" ht="27" customHeight="1" x14ac:dyDescent="0.15">
      <c r="A5752" s="13"/>
      <c r="B5752" s="14"/>
      <c r="C5752" s="13"/>
      <c r="D5752" s="14"/>
      <c r="E5752" s="14"/>
      <c r="F5752" s="16"/>
      <c r="G5752" s="3"/>
      <c r="H5752" s="3"/>
      <c r="I5752" s="3"/>
      <c r="J5752" s="3"/>
      <c r="K5752" s="3"/>
      <c r="L5752" s="3"/>
    </row>
    <row r="5753" spans="1:12" s="22" customFormat="1" ht="27" customHeight="1" x14ac:dyDescent="0.15">
      <c r="A5753" s="13"/>
      <c r="B5753" s="14"/>
      <c r="C5753" s="13"/>
      <c r="D5753" s="14"/>
      <c r="E5753" s="14"/>
      <c r="F5753" s="16"/>
      <c r="G5753" s="3"/>
      <c r="H5753" s="3"/>
      <c r="I5753" s="3"/>
      <c r="J5753" s="3"/>
      <c r="K5753" s="3"/>
      <c r="L5753" s="3"/>
    </row>
    <row r="5754" spans="1:12" s="22" customFormat="1" ht="27" customHeight="1" x14ac:dyDescent="0.15">
      <c r="A5754" s="13"/>
      <c r="B5754" s="14"/>
      <c r="C5754" s="13"/>
      <c r="D5754" s="14"/>
      <c r="E5754" s="14"/>
      <c r="F5754" s="16"/>
      <c r="G5754" s="3"/>
      <c r="H5754" s="3"/>
      <c r="I5754" s="3"/>
      <c r="J5754" s="3"/>
      <c r="K5754" s="3"/>
      <c r="L5754" s="3"/>
    </row>
    <row r="5755" spans="1:12" s="22" customFormat="1" ht="27" customHeight="1" x14ac:dyDescent="0.15">
      <c r="A5755" s="13"/>
      <c r="B5755" s="14"/>
      <c r="C5755" s="13"/>
      <c r="D5755" s="14"/>
      <c r="E5755" s="14"/>
      <c r="F5755" s="16"/>
      <c r="G5755" s="3"/>
      <c r="H5755" s="3"/>
      <c r="I5755" s="3"/>
      <c r="J5755" s="3"/>
      <c r="K5755" s="3"/>
      <c r="L5755" s="3"/>
    </row>
    <row r="5756" spans="1:12" s="22" customFormat="1" ht="27" customHeight="1" x14ac:dyDescent="0.15">
      <c r="A5756" s="13"/>
      <c r="B5756" s="14"/>
      <c r="C5756" s="13"/>
      <c r="D5756" s="14"/>
      <c r="E5756" s="14"/>
      <c r="F5756" s="16"/>
      <c r="G5756" s="3"/>
      <c r="H5756" s="3"/>
      <c r="I5756" s="3"/>
      <c r="J5756" s="3"/>
      <c r="K5756" s="3"/>
      <c r="L5756" s="3"/>
    </row>
    <row r="5757" spans="1:12" s="22" customFormat="1" ht="27" customHeight="1" x14ac:dyDescent="0.15">
      <c r="A5757" s="13"/>
      <c r="B5757" s="14"/>
      <c r="C5757" s="13"/>
      <c r="D5757" s="14"/>
      <c r="E5757" s="14"/>
      <c r="F5757" s="16"/>
      <c r="G5757" s="3"/>
      <c r="H5757" s="3"/>
      <c r="I5757" s="3"/>
      <c r="J5757" s="3"/>
      <c r="K5757" s="3"/>
      <c r="L5757" s="3"/>
    </row>
    <row r="5758" spans="1:12" s="22" customFormat="1" ht="27" customHeight="1" x14ac:dyDescent="0.15">
      <c r="A5758" s="13"/>
      <c r="B5758" s="14"/>
      <c r="C5758" s="13"/>
      <c r="D5758" s="14"/>
      <c r="E5758" s="14"/>
      <c r="F5758" s="16"/>
      <c r="G5758" s="3"/>
      <c r="H5758" s="3"/>
      <c r="I5758" s="3"/>
      <c r="J5758" s="3"/>
      <c r="K5758" s="3"/>
      <c r="L5758" s="3"/>
    </row>
    <row r="5759" spans="1:12" s="22" customFormat="1" ht="27" customHeight="1" x14ac:dyDescent="0.15">
      <c r="A5759" s="13"/>
      <c r="B5759" s="14"/>
      <c r="C5759" s="13"/>
      <c r="D5759" s="14"/>
      <c r="E5759" s="14"/>
      <c r="F5759" s="16"/>
      <c r="G5759" s="3"/>
      <c r="H5759" s="3"/>
      <c r="I5759" s="3"/>
      <c r="J5759" s="3"/>
      <c r="K5759" s="3"/>
      <c r="L5759" s="3"/>
    </row>
    <row r="5760" spans="1:12" s="22" customFormat="1" ht="27" customHeight="1" x14ac:dyDescent="0.15">
      <c r="A5760" s="13"/>
      <c r="B5760" s="14"/>
      <c r="C5760" s="13"/>
      <c r="D5760" s="14"/>
      <c r="E5760" s="14"/>
      <c r="F5760" s="16"/>
      <c r="G5760" s="3"/>
      <c r="H5760" s="3"/>
      <c r="I5760" s="3"/>
      <c r="J5760" s="3"/>
      <c r="K5760" s="3"/>
      <c r="L5760" s="3"/>
    </row>
    <row r="5761" spans="1:12" s="22" customFormat="1" ht="27" customHeight="1" x14ac:dyDescent="0.15">
      <c r="A5761" s="13"/>
      <c r="B5761" s="14"/>
      <c r="C5761" s="13"/>
      <c r="D5761" s="14"/>
      <c r="E5761" s="14"/>
      <c r="F5761" s="16"/>
      <c r="G5761" s="3"/>
      <c r="H5761" s="3"/>
      <c r="I5761" s="3"/>
      <c r="J5761" s="3"/>
      <c r="K5761" s="3"/>
      <c r="L5761" s="3"/>
    </row>
    <row r="5762" spans="1:12" s="22" customFormat="1" ht="27" customHeight="1" x14ac:dyDescent="0.15">
      <c r="A5762" s="13"/>
      <c r="B5762" s="14"/>
      <c r="C5762" s="13"/>
      <c r="D5762" s="14"/>
      <c r="E5762" s="14"/>
      <c r="F5762" s="16"/>
      <c r="G5762" s="3"/>
      <c r="H5762" s="3"/>
      <c r="I5762" s="3"/>
      <c r="J5762" s="3"/>
      <c r="K5762" s="3"/>
      <c r="L5762" s="3"/>
    </row>
    <row r="5763" spans="1:12" s="22" customFormat="1" ht="27" customHeight="1" x14ac:dyDescent="0.15">
      <c r="A5763" s="13"/>
      <c r="B5763" s="14"/>
      <c r="C5763" s="13"/>
      <c r="D5763" s="14"/>
      <c r="E5763" s="14"/>
      <c r="F5763" s="16"/>
      <c r="G5763" s="3"/>
      <c r="H5763" s="3"/>
      <c r="I5763" s="3"/>
      <c r="J5763" s="3"/>
      <c r="K5763" s="3"/>
      <c r="L5763" s="3"/>
    </row>
    <row r="5764" spans="1:12" s="22" customFormat="1" ht="27" customHeight="1" x14ac:dyDescent="0.15">
      <c r="A5764" s="13"/>
      <c r="B5764" s="14"/>
      <c r="C5764" s="13"/>
      <c r="D5764" s="14"/>
      <c r="E5764" s="14"/>
      <c r="F5764" s="16"/>
      <c r="G5764" s="3"/>
      <c r="H5764" s="3"/>
      <c r="I5764" s="3"/>
      <c r="J5764" s="3"/>
      <c r="K5764" s="3"/>
      <c r="L5764" s="3"/>
    </row>
    <row r="5765" spans="1:12" s="22" customFormat="1" ht="27" customHeight="1" x14ac:dyDescent="0.15">
      <c r="A5765" s="13"/>
      <c r="B5765" s="14"/>
      <c r="C5765" s="13"/>
      <c r="D5765" s="14"/>
      <c r="E5765" s="14"/>
      <c r="F5765" s="16"/>
      <c r="G5765" s="3"/>
      <c r="H5765" s="3"/>
      <c r="I5765" s="3"/>
      <c r="J5765" s="3"/>
      <c r="K5765" s="3"/>
      <c r="L5765" s="3"/>
    </row>
    <row r="5766" spans="1:12" s="22" customFormat="1" ht="27" customHeight="1" x14ac:dyDescent="0.15">
      <c r="A5766" s="13"/>
      <c r="B5766" s="14"/>
      <c r="C5766" s="13"/>
      <c r="D5766" s="14"/>
      <c r="E5766" s="14"/>
      <c r="F5766" s="16"/>
      <c r="G5766" s="3"/>
      <c r="H5766" s="3"/>
      <c r="I5766" s="3"/>
      <c r="J5766" s="3"/>
      <c r="K5766" s="3"/>
      <c r="L5766" s="3"/>
    </row>
    <row r="5767" spans="1:12" s="22" customFormat="1" ht="27" customHeight="1" x14ac:dyDescent="0.15">
      <c r="A5767" s="13"/>
      <c r="B5767" s="14"/>
      <c r="C5767" s="13"/>
      <c r="D5767" s="14"/>
      <c r="E5767" s="14"/>
      <c r="F5767" s="16"/>
      <c r="G5767" s="3"/>
      <c r="H5767" s="3"/>
      <c r="I5767" s="3"/>
      <c r="J5767" s="3"/>
      <c r="K5767" s="3"/>
      <c r="L5767" s="3"/>
    </row>
    <row r="5768" spans="1:12" s="22" customFormat="1" ht="27" customHeight="1" x14ac:dyDescent="0.15">
      <c r="A5768" s="13"/>
      <c r="B5768" s="14"/>
      <c r="C5768" s="13"/>
      <c r="D5768" s="14"/>
      <c r="E5768" s="14"/>
      <c r="F5768" s="16"/>
      <c r="G5768" s="3"/>
      <c r="H5768" s="3"/>
      <c r="I5768" s="3"/>
      <c r="J5768" s="3"/>
      <c r="K5768" s="3"/>
      <c r="L5768" s="3"/>
    </row>
    <row r="5769" spans="1:12" s="22" customFormat="1" ht="27" customHeight="1" x14ac:dyDescent="0.15">
      <c r="A5769" s="13"/>
      <c r="B5769" s="14"/>
      <c r="C5769" s="13"/>
      <c r="D5769" s="14"/>
      <c r="E5769" s="14"/>
      <c r="F5769" s="16"/>
      <c r="G5769" s="3"/>
      <c r="H5769" s="3"/>
      <c r="I5769" s="3"/>
      <c r="J5769" s="3"/>
      <c r="K5769" s="3"/>
      <c r="L5769" s="3"/>
    </row>
    <row r="5770" spans="1:12" s="22" customFormat="1" ht="27" customHeight="1" x14ac:dyDescent="0.15">
      <c r="A5770" s="13"/>
      <c r="B5770" s="14"/>
      <c r="C5770" s="13"/>
      <c r="D5770" s="14"/>
      <c r="E5770" s="14"/>
      <c r="F5770" s="16"/>
      <c r="G5770" s="3"/>
      <c r="H5770" s="3"/>
      <c r="I5770" s="3"/>
      <c r="J5770" s="3"/>
      <c r="K5770" s="3"/>
      <c r="L5770" s="3"/>
    </row>
    <row r="5771" spans="1:12" s="22" customFormat="1" ht="27" customHeight="1" x14ac:dyDescent="0.15">
      <c r="A5771" s="13"/>
      <c r="B5771" s="14"/>
      <c r="C5771" s="13"/>
      <c r="D5771" s="14"/>
      <c r="E5771" s="14"/>
      <c r="F5771" s="16"/>
      <c r="G5771" s="3"/>
      <c r="H5771" s="3"/>
      <c r="I5771" s="3"/>
      <c r="J5771" s="3"/>
      <c r="K5771" s="3"/>
      <c r="L5771" s="3"/>
    </row>
    <row r="5772" spans="1:12" s="22" customFormat="1" ht="27" customHeight="1" x14ac:dyDescent="0.15">
      <c r="A5772" s="13"/>
      <c r="B5772" s="14"/>
      <c r="C5772" s="13"/>
      <c r="D5772" s="14"/>
      <c r="E5772" s="14"/>
      <c r="F5772" s="16"/>
      <c r="G5772" s="3"/>
      <c r="H5772" s="3"/>
      <c r="I5772" s="3"/>
      <c r="J5772" s="3"/>
      <c r="K5772" s="3"/>
      <c r="L5772" s="3"/>
    </row>
    <row r="5773" spans="1:12" s="22" customFormat="1" ht="27" customHeight="1" x14ac:dyDescent="0.15">
      <c r="A5773" s="13"/>
      <c r="B5773" s="14"/>
      <c r="C5773" s="13"/>
      <c r="D5773" s="14"/>
      <c r="E5773" s="14"/>
      <c r="F5773" s="16"/>
      <c r="G5773" s="3"/>
      <c r="H5773" s="3"/>
      <c r="I5773" s="3"/>
      <c r="J5773" s="3"/>
      <c r="K5773" s="3"/>
      <c r="L5773" s="3"/>
    </row>
    <row r="5774" spans="1:12" s="22" customFormat="1" ht="27" customHeight="1" x14ac:dyDescent="0.15">
      <c r="A5774" s="13"/>
      <c r="B5774" s="14"/>
      <c r="C5774" s="13"/>
      <c r="D5774" s="14"/>
      <c r="E5774" s="14"/>
      <c r="F5774" s="16"/>
      <c r="G5774" s="3"/>
      <c r="H5774" s="3"/>
      <c r="I5774" s="3"/>
      <c r="J5774" s="3"/>
      <c r="K5774" s="3"/>
      <c r="L5774" s="3"/>
    </row>
    <row r="5775" spans="1:12" s="22" customFormat="1" ht="27" customHeight="1" x14ac:dyDescent="0.15">
      <c r="A5775" s="13"/>
      <c r="B5775" s="14"/>
      <c r="C5775" s="13"/>
      <c r="D5775" s="14"/>
      <c r="E5775" s="14"/>
      <c r="F5775" s="16"/>
      <c r="G5775" s="3"/>
      <c r="H5775" s="3"/>
      <c r="I5775" s="3"/>
      <c r="J5775" s="3"/>
      <c r="K5775" s="3"/>
      <c r="L5775" s="3"/>
    </row>
    <row r="5776" spans="1:12" s="22" customFormat="1" ht="27" customHeight="1" x14ac:dyDescent="0.15">
      <c r="A5776" s="13"/>
      <c r="B5776" s="14"/>
      <c r="C5776" s="13"/>
      <c r="D5776" s="14"/>
      <c r="E5776" s="14"/>
      <c r="F5776" s="16"/>
      <c r="G5776" s="3"/>
      <c r="H5776" s="3"/>
      <c r="I5776" s="3"/>
      <c r="J5776" s="3"/>
      <c r="K5776" s="3"/>
      <c r="L5776" s="3"/>
    </row>
    <row r="5777" spans="1:12" s="22" customFormat="1" ht="27" customHeight="1" x14ac:dyDescent="0.15">
      <c r="A5777" s="13"/>
      <c r="B5777" s="14"/>
      <c r="C5777" s="13"/>
      <c r="D5777" s="14"/>
      <c r="E5777" s="14"/>
      <c r="F5777" s="16"/>
      <c r="G5777" s="3"/>
      <c r="H5777" s="3"/>
      <c r="I5777" s="3"/>
      <c r="J5777" s="3"/>
      <c r="K5777" s="3"/>
      <c r="L5777" s="3"/>
    </row>
    <row r="5778" spans="1:12" s="22" customFormat="1" ht="27" customHeight="1" x14ac:dyDescent="0.15">
      <c r="A5778" s="13"/>
      <c r="B5778" s="14"/>
      <c r="C5778" s="13"/>
      <c r="D5778" s="14"/>
      <c r="E5778" s="14"/>
      <c r="F5778" s="16"/>
      <c r="G5778" s="3"/>
      <c r="H5778" s="3"/>
      <c r="I5778" s="3"/>
      <c r="J5778" s="3"/>
      <c r="K5778" s="3"/>
      <c r="L5778" s="3"/>
    </row>
    <row r="5779" spans="1:12" s="22" customFormat="1" ht="27" customHeight="1" x14ac:dyDescent="0.15">
      <c r="A5779" s="13"/>
      <c r="B5779" s="14"/>
      <c r="C5779" s="13"/>
      <c r="D5779" s="14"/>
      <c r="E5779" s="14"/>
      <c r="F5779" s="16"/>
      <c r="G5779" s="3"/>
      <c r="H5779" s="3"/>
      <c r="I5779" s="3"/>
      <c r="J5779" s="3"/>
      <c r="K5779" s="3"/>
      <c r="L5779" s="3"/>
    </row>
    <row r="5780" spans="1:12" s="22" customFormat="1" ht="27" customHeight="1" x14ac:dyDescent="0.15">
      <c r="A5780" s="13"/>
      <c r="B5780" s="14"/>
      <c r="C5780" s="13"/>
      <c r="D5780" s="14"/>
      <c r="E5780" s="14"/>
      <c r="F5780" s="16"/>
      <c r="G5780" s="3"/>
      <c r="H5780" s="3"/>
      <c r="I5780" s="3"/>
      <c r="J5780" s="3"/>
      <c r="K5780" s="3"/>
      <c r="L5780" s="3"/>
    </row>
    <row r="5781" spans="1:12" s="22" customFormat="1" ht="27" customHeight="1" x14ac:dyDescent="0.15">
      <c r="A5781" s="13"/>
      <c r="B5781" s="14"/>
      <c r="C5781" s="13"/>
      <c r="D5781" s="14"/>
      <c r="E5781" s="14"/>
      <c r="F5781" s="16"/>
      <c r="G5781" s="3"/>
      <c r="H5781" s="3"/>
      <c r="I5781" s="3"/>
      <c r="J5781" s="3"/>
      <c r="K5781" s="3"/>
      <c r="L5781" s="3"/>
    </row>
    <row r="5782" spans="1:12" s="22" customFormat="1" ht="27" customHeight="1" x14ac:dyDescent="0.15">
      <c r="A5782" s="13"/>
      <c r="B5782" s="14"/>
      <c r="C5782" s="13"/>
      <c r="D5782" s="14"/>
      <c r="E5782" s="14"/>
      <c r="F5782" s="16"/>
      <c r="G5782" s="3"/>
      <c r="H5782" s="3"/>
      <c r="I5782" s="3"/>
      <c r="J5782" s="3"/>
      <c r="K5782" s="3"/>
      <c r="L5782" s="3"/>
    </row>
    <row r="5783" spans="1:12" s="22" customFormat="1" ht="27" customHeight="1" x14ac:dyDescent="0.15">
      <c r="A5783" s="13"/>
      <c r="B5783" s="14"/>
      <c r="C5783" s="13"/>
      <c r="D5783" s="14"/>
      <c r="E5783" s="14"/>
      <c r="F5783" s="16"/>
      <c r="G5783" s="3"/>
      <c r="H5783" s="3"/>
      <c r="I5783" s="3"/>
      <c r="J5783" s="3"/>
      <c r="K5783" s="3"/>
      <c r="L5783" s="3"/>
    </row>
    <row r="5784" spans="1:12" s="22" customFormat="1" ht="27" customHeight="1" x14ac:dyDescent="0.15">
      <c r="A5784" s="13"/>
      <c r="B5784" s="14"/>
      <c r="C5784" s="13"/>
      <c r="D5784" s="14"/>
      <c r="E5784" s="14"/>
      <c r="F5784" s="16"/>
      <c r="G5784" s="3"/>
      <c r="H5784" s="3"/>
      <c r="I5784" s="3"/>
      <c r="J5784" s="3"/>
      <c r="K5784" s="3"/>
      <c r="L5784" s="3"/>
    </row>
    <row r="5785" spans="1:12" s="22" customFormat="1" ht="27" customHeight="1" x14ac:dyDescent="0.15">
      <c r="A5785" s="13"/>
      <c r="B5785" s="14"/>
      <c r="C5785" s="13"/>
      <c r="D5785" s="14"/>
      <c r="E5785" s="14"/>
      <c r="F5785" s="16"/>
      <c r="G5785" s="3"/>
      <c r="H5785" s="3"/>
      <c r="I5785" s="3"/>
      <c r="J5785" s="3"/>
      <c r="K5785" s="3"/>
      <c r="L5785" s="3"/>
    </row>
    <row r="5786" spans="1:12" s="22" customFormat="1" ht="27" customHeight="1" x14ac:dyDescent="0.15">
      <c r="A5786" s="13"/>
      <c r="B5786" s="14"/>
      <c r="C5786" s="13"/>
      <c r="D5786" s="14"/>
      <c r="E5786" s="14"/>
      <c r="F5786" s="16"/>
      <c r="G5786" s="3"/>
      <c r="H5786" s="3"/>
      <c r="I5786" s="3"/>
      <c r="J5786" s="3"/>
      <c r="K5786" s="3"/>
      <c r="L5786" s="3"/>
    </row>
    <row r="5787" spans="1:12" s="22" customFormat="1" ht="27" customHeight="1" x14ac:dyDescent="0.15">
      <c r="A5787" s="13"/>
      <c r="B5787" s="14"/>
      <c r="C5787" s="13"/>
      <c r="D5787" s="14"/>
      <c r="E5787" s="14"/>
      <c r="F5787" s="16"/>
      <c r="G5787" s="3"/>
      <c r="H5787" s="3"/>
      <c r="I5787" s="3"/>
      <c r="J5787" s="3"/>
      <c r="K5787" s="3"/>
      <c r="L5787" s="3"/>
    </row>
    <row r="5788" spans="1:12" s="22" customFormat="1" ht="27" customHeight="1" x14ac:dyDescent="0.15">
      <c r="A5788" s="13"/>
      <c r="B5788" s="14"/>
      <c r="C5788" s="13"/>
      <c r="D5788" s="14"/>
      <c r="E5788" s="14"/>
      <c r="F5788" s="16"/>
      <c r="G5788" s="3"/>
      <c r="H5788" s="3"/>
      <c r="I5788" s="3"/>
      <c r="J5788" s="3"/>
      <c r="K5788" s="3"/>
      <c r="L5788" s="3"/>
    </row>
    <row r="5789" spans="1:12" s="22" customFormat="1" ht="27" customHeight="1" x14ac:dyDescent="0.15">
      <c r="A5789" s="13"/>
      <c r="B5789" s="14"/>
      <c r="C5789" s="13"/>
      <c r="D5789" s="14"/>
      <c r="E5789" s="14"/>
      <c r="F5789" s="16"/>
      <c r="G5789" s="3"/>
      <c r="H5789" s="3"/>
      <c r="I5789" s="3"/>
      <c r="J5789" s="3"/>
      <c r="K5789" s="3"/>
      <c r="L5789" s="3"/>
    </row>
    <row r="5790" spans="1:12" s="22" customFormat="1" ht="27" customHeight="1" x14ac:dyDescent="0.15">
      <c r="A5790" s="13"/>
      <c r="B5790" s="14"/>
      <c r="C5790" s="13"/>
      <c r="D5790" s="14"/>
      <c r="E5790" s="14"/>
      <c r="F5790" s="16"/>
      <c r="G5790" s="3"/>
      <c r="H5790" s="3"/>
      <c r="I5790" s="3"/>
      <c r="J5790" s="3"/>
      <c r="K5790" s="3"/>
      <c r="L5790" s="3"/>
    </row>
    <row r="5791" spans="1:12" s="22" customFormat="1" ht="27" customHeight="1" x14ac:dyDescent="0.15">
      <c r="A5791" s="13"/>
      <c r="B5791" s="14"/>
      <c r="C5791" s="13"/>
      <c r="D5791" s="14"/>
      <c r="E5791" s="14"/>
      <c r="F5791" s="16"/>
      <c r="G5791" s="3"/>
      <c r="H5791" s="3"/>
      <c r="I5791" s="3"/>
      <c r="J5791" s="3"/>
      <c r="K5791" s="3"/>
      <c r="L5791" s="3"/>
    </row>
    <row r="5792" spans="1:12" s="22" customFormat="1" ht="27" customHeight="1" x14ac:dyDescent="0.15">
      <c r="A5792" s="13"/>
      <c r="B5792" s="14"/>
      <c r="C5792" s="13"/>
      <c r="D5792" s="14"/>
      <c r="E5792" s="14"/>
      <c r="F5792" s="16"/>
      <c r="G5792" s="3"/>
      <c r="H5792" s="3"/>
      <c r="I5792" s="3"/>
      <c r="J5792" s="3"/>
      <c r="K5792" s="3"/>
      <c r="L5792" s="3"/>
    </row>
    <row r="5793" spans="1:12" s="22" customFormat="1" ht="27" customHeight="1" x14ac:dyDescent="0.15">
      <c r="A5793" s="13"/>
      <c r="B5793" s="14"/>
      <c r="C5793" s="13"/>
      <c r="D5793" s="14"/>
      <c r="E5793" s="14"/>
      <c r="F5793" s="16"/>
      <c r="G5793" s="3"/>
      <c r="H5793" s="3"/>
      <c r="I5793" s="3"/>
      <c r="J5793" s="3"/>
      <c r="K5793" s="3"/>
      <c r="L5793" s="3"/>
    </row>
    <row r="5794" spans="1:12" s="22" customFormat="1" ht="27" customHeight="1" x14ac:dyDescent="0.15">
      <c r="A5794" s="13"/>
      <c r="B5794" s="14"/>
      <c r="C5794" s="13"/>
      <c r="D5794" s="14"/>
      <c r="E5794" s="14"/>
      <c r="F5794" s="16"/>
      <c r="G5794" s="3"/>
      <c r="H5794" s="3"/>
      <c r="I5794" s="3"/>
      <c r="J5794" s="3"/>
      <c r="K5794" s="3"/>
      <c r="L5794" s="3"/>
    </row>
    <row r="5795" spans="1:12" s="22" customFormat="1" ht="27" customHeight="1" x14ac:dyDescent="0.15">
      <c r="A5795" s="13"/>
      <c r="B5795" s="14"/>
      <c r="C5795" s="13"/>
      <c r="D5795" s="14"/>
      <c r="E5795" s="14"/>
      <c r="F5795" s="16"/>
      <c r="G5795" s="3"/>
      <c r="H5795" s="3"/>
      <c r="I5795" s="3"/>
      <c r="J5795" s="3"/>
      <c r="K5795" s="3"/>
      <c r="L5795" s="3"/>
    </row>
    <row r="5796" spans="1:12" s="22" customFormat="1" ht="27" customHeight="1" x14ac:dyDescent="0.15">
      <c r="A5796" s="13"/>
      <c r="B5796" s="14"/>
      <c r="C5796" s="13"/>
      <c r="D5796" s="14"/>
      <c r="E5796" s="14"/>
      <c r="F5796" s="16"/>
      <c r="G5796" s="3"/>
      <c r="H5796" s="3"/>
      <c r="I5796" s="3"/>
      <c r="J5796" s="3"/>
      <c r="K5796" s="3"/>
      <c r="L5796" s="3"/>
    </row>
    <row r="5797" spans="1:12" s="22" customFormat="1" ht="27" customHeight="1" x14ac:dyDescent="0.15">
      <c r="A5797" s="13"/>
      <c r="B5797" s="14"/>
      <c r="C5797" s="13"/>
      <c r="D5797" s="14"/>
      <c r="E5797" s="14"/>
      <c r="F5797" s="16"/>
      <c r="G5797" s="3"/>
      <c r="H5797" s="3"/>
      <c r="I5797" s="3"/>
      <c r="J5797" s="3"/>
      <c r="K5797" s="3"/>
      <c r="L5797" s="3"/>
    </row>
    <row r="5798" spans="1:12" s="22" customFormat="1" ht="27" customHeight="1" x14ac:dyDescent="0.15">
      <c r="A5798" s="13"/>
      <c r="B5798" s="14"/>
      <c r="C5798" s="13"/>
      <c r="D5798" s="14"/>
      <c r="E5798" s="14"/>
      <c r="F5798" s="16"/>
      <c r="G5798" s="3"/>
      <c r="H5798" s="3"/>
      <c r="I5798" s="3"/>
      <c r="J5798" s="3"/>
      <c r="K5798" s="3"/>
      <c r="L5798" s="3"/>
    </row>
    <row r="5799" spans="1:12" s="22" customFormat="1" ht="27" customHeight="1" x14ac:dyDescent="0.15">
      <c r="A5799" s="13"/>
      <c r="B5799" s="14"/>
      <c r="C5799" s="13"/>
      <c r="D5799" s="14"/>
      <c r="E5799" s="14"/>
      <c r="F5799" s="16"/>
      <c r="G5799" s="3"/>
      <c r="H5799" s="3"/>
      <c r="I5799" s="3"/>
      <c r="J5799" s="3"/>
      <c r="K5799" s="3"/>
      <c r="L5799" s="3"/>
    </row>
    <row r="5800" spans="1:12" s="22" customFormat="1" ht="27" customHeight="1" x14ac:dyDescent="0.15">
      <c r="A5800" s="13"/>
      <c r="B5800" s="14"/>
      <c r="C5800" s="13"/>
      <c r="D5800" s="14"/>
      <c r="E5800" s="14"/>
      <c r="F5800" s="16"/>
      <c r="G5800" s="3"/>
      <c r="H5800" s="3"/>
      <c r="I5800" s="3"/>
      <c r="J5800" s="3"/>
      <c r="K5800" s="3"/>
      <c r="L5800" s="3"/>
    </row>
    <row r="5801" spans="1:12" s="22" customFormat="1" ht="27" customHeight="1" x14ac:dyDescent="0.15">
      <c r="A5801" s="13"/>
      <c r="B5801" s="14"/>
      <c r="C5801" s="13"/>
      <c r="D5801" s="14"/>
      <c r="E5801" s="14"/>
      <c r="F5801" s="16"/>
      <c r="G5801" s="3"/>
      <c r="H5801" s="3"/>
      <c r="I5801" s="3"/>
      <c r="J5801" s="3"/>
      <c r="K5801" s="3"/>
      <c r="L5801" s="3"/>
    </row>
    <row r="5802" spans="1:12" s="22" customFormat="1" ht="27" customHeight="1" x14ac:dyDescent="0.15">
      <c r="A5802" s="13"/>
      <c r="B5802" s="14"/>
      <c r="C5802" s="13"/>
      <c r="D5802" s="14"/>
      <c r="E5802" s="14"/>
      <c r="F5802" s="16"/>
      <c r="G5802" s="3"/>
      <c r="H5802" s="3"/>
      <c r="I5802" s="3"/>
      <c r="J5802" s="3"/>
      <c r="K5802" s="3"/>
      <c r="L5802" s="3"/>
    </row>
    <row r="5803" spans="1:12" s="22" customFormat="1" ht="27" customHeight="1" x14ac:dyDescent="0.15">
      <c r="A5803" s="13"/>
      <c r="B5803" s="14"/>
      <c r="C5803" s="13"/>
      <c r="D5803" s="14"/>
      <c r="E5803" s="14"/>
      <c r="F5803" s="16"/>
      <c r="G5803" s="3"/>
      <c r="H5803" s="3"/>
      <c r="I5803" s="3"/>
      <c r="J5803" s="3"/>
      <c r="K5803" s="3"/>
      <c r="L5803" s="3"/>
    </row>
    <row r="5804" spans="1:12" s="22" customFormat="1" ht="27" customHeight="1" x14ac:dyDescent="0.15">
      <c r="A5804" s="13"/>
      <c r="B5804" s="14"/>
      <c r="C5804" s="13"/>
      <c r="D5804" s="14"/>
      <c r="E5804" s="14"/>
      <c r="F5804" s="16"/>
      <c r="G5804" s="3"/>
      <c r="H5804" s="3"/>
      <c r="I5804" s="3"/>
      <c r="J5804" s="3"/>
      <c r="K5804" s="3"/>
      <c r="L5804" s="3"/>
    </row>
    <row r="5805" spans="1:12" s="22" customFormat="1" ht="27" customHeight="1" x14ac:dyDescent="0.15">
      <c r="A5805" s="13"/>
      <c r="B5805" s="14"/>
      <c r="C5805" s="13"/>
      <c r="D5805" s="14"/>
      <c r="E5805" s="14"/>
      <c r="F5805" s="16"/>
      <c r="G5805" s="3"/>
      <c r="H5805" s="3"/>
      <c r="I5805" s="3"/>
      <c r="J5805" s="3"/>
      <c r="K5805" s="3"/>
      <c r="L5805" s="3"/>
    </row>
    <row r="5806" spans="1:12" s="22" customFormat="1" ht="27" customHeight="1" x14ac:dyDescent="0.15">
      <c r="A5806" s="13"/>
      <c r="B5806" s="14"/>
      <c r="C5806" s="13"/>
      <c r="D5806" s="14"/>
      <c r="E5806" s="14"/>
      <c r="F5806" s="16"/>
      <c r="G5806" s="3"/>
      <c r="H5806" s="3"/>
      <c r="I5806" s="3"/>
      <c r="J5806" s="3"/>
      <c r="K5806" s="3"/>
      <c r="L5806" s="3"/>
    </row>
    <row r="5807" spans="1:12" s="22" customFormat="1" ht="27" customHeight="1" x14ac:dyDescent="0.15">
      <c r="A5807" s="13"/>
      <c r="B5807" s="14"/>
      <c r="C5807" s="13"/>
      <c r="D5807" s="14"/>
      <c r="E5807" s="14"/>
      <c r="F5807" s="16"/>
      <c r="G5807" s="3"/>
      <c r="H5807" s="3"/>
      <c r="I5807" s="3"/>
      <c r="J5807" s="3"/>
      <c r="K5807" s="3"/>
      <c r="L5807" s="3"/>
    </row>
    <row r="5808" spans="1:12" s="22" customFormat="1" ht="27" customHeight="1" x14ac:dyDescent="0.15">
      <c r="A5808" s="13"/>
      <c r="B5808" s="14"/>
      <c r="C5808" s="13"/>
      <c r="D5808" s="14"/>
      <c r="E5808" s="14"/>
      <c r="F5808" s="16"/>
      <c r="G5808" s="3"/>
      <c r="H5808" s="3"/>
      <c r="I5808" s="3"/>
      <c r="J5808" s="3"/>
      <c r="K5808" s="3"/>
      <c r="L5808" s="3"/>
    </row>
    <row r="5809" spans="1:12" s="22" customFormat="1" ht="27" customHeight="1" x14ac:dyDescent="0.15">
      <c r="A5809" s="13"/>
      <c r="B5809" s="14"/>
      <c r="C5809" s="13"/>
      <c r="D5809" s="14"/>
      <c r="E5809" s="14"/>
      <c r="F5809" s="16"/>
      <c r="G5809" s="3"/>
      <c r="H5809" s="3"/>
      <c r="I5809" s="3"/>
      <c r="J5809" s="3"/>
      <c r="K5809" s="3"/>
      <c r="L5809" s="3"/>
    </row>
    <row r="5810" spans="1:12" s="22" customFormat="1" ht="27" customHeight="1" x14ac:dyDescent="0.15">
      <c r="A5810" s="13"/>
      <c r="B5810" s="14"/>
      <c r="C5810" s="13"/>
      <c r="D5810" s="14"/>
      <c r="E5810" s="14"/>
      <c r="F5810" s="16"/>
      <c r="G5810" s="3"/>
      <c r="H5810" s="3"/>
      <c r="I5810" s="3"/>
      <c r="J5810" s="3"/>
      <c r="K5810" s="3"/>
      <c r="L5810" s="3"/>
    </row>
    <row r="5811" spans="1:12" s="22" customFormat="1" ht="27" customHeight="1" x14ac:dyDescent="0.15">
      <c r="A5811" s="13"/>
      <c r="B5811" s="14"/>
      <c r="C5811" s="13"/>
      <c r="D5811" s="14"/>
      <c r="E5811" s="14"/>
      <c r="F5811" s="16"/>
      <c r="G5811" s="3"/>
      <c r="H5811" s="3"/>
      <c r="I5811" s="3"/>
      <c r="J5811" s="3"/>
      <c r="K5811" s="3"/>
      <c r="L5811" s="3"/>
    </row>
    <row r="5812" spans="1:12" s="22" customFormat="1" ht="27" customHeight="1" x14ac:dyDescent="0.15">
      <c r="A5812" s="13"/>
      <c r="B5812" s="14"/>
      <c r="C5812" s="13"/>
      <c r="D5812" s="14"/>
      <c r="E5812" s="14"/>
      <c r="F5812" s="16"/>
      <c r="G5812" s="3"/>
      <c r="H5812" s="3"/>
      <c r="I5812" s="3"/>
      <c r="J5812" s="3"/>
      <c r="K5812" s="3"/>
      <c r="L5812" s="3"/>
    </row>
    <row r="5813" spans="1:12" s="22" customFormat="1" ht="27" customHeight="1" x14ac:dyDescent="0.15">
      <c r="A5813" s="13"/>
      <c r="B5813" s="14"/>
      <c r="C5813" s="13"/>
      <c r="D5813" s="14"/>
      <c r="E5813" s="14"/>
      <c r="F5813" s="16"/>
      <c r="G5813" s="3"/>
      <c r="H5813" s="3"/>
      <c r="I5813" s="3"/>
      <c r="J5813" s="3"/>
      <c r="K5813" s="3"/>
      <c r="L5813" s="3"/>
    </row>
    <row r="5814" spans="1:12" s="22" customFormat="1" ht="27" customHeight="1" x14ac:dyDescent="0.15">
      <c r="A5814" s="13"/>
      <c r="B5814" s="14"/>
      <c r="C5814" s="13"/>
      <c r="D5814" s="14"/>
      <c r="E5814" s="14"/>
      <c r="F5814" s="16"/>
      <c r="G5814" s="3"/>
      <c r="H5814" s="3"/>
      <c r="I5814" s="3"/>
      <c r="J5814" s="3"/>
      <c r="K5814" s="3"/>
      <c r="L5814" s="3"/>
    </row>
    <row r="5815" spans="1:12" s="22" customFormat="1" ht="27" customHeight="1" x14ac:dyDescent="0.15">
      <c r="A5815" s="13"/>
      <c r="B5815" s="14"/>
      <c r="C5815" s="13"/>
      <c r="D5815" s="14"/>
      <c r="E5815" s="14"/>
      <c r="F5815" s="16"/>
      <c r="G5815" s="3"/>
      <c r="H5815" s="3"/>
      <c r="I5815" s="3"/>
      <c r="J5815" s="3"/>
      <c r="K5815" s="3"/>
      <c r="L5815" s="3"/>
    </row>
    <row r="5816" spans="1:12" s="22" customFormat="1" ht="27" customHeight="1" x14ac:dyDescent="0.15">
      <c r="A5816" s="13"/>
      <c r="B5816" s="14"/>
      <c r="C5816" s="13"/>
      <c r="D5816" s="14"/>
      <c r="E5816" s="14"/>
      <c r="F5816" s="16"/>
      <c r="G5816" s="3"/>
      <c r="H5816" s="3"/>
      <c r="I5816" s="3"/>
      <c r="J5816" s="3"/>
      <c r="K5816" s="3"/>
      <c r="L5816" s="3"/>
    </row>
    <row r="5817" spans="1:12" s="22" customFormat="1" ht="27" customHeight="1" x14ac:dyDescent="0.15">
      <c r="A5817" s="13"/>
      <c r="B5817" s="14"/>
      <c r="C5817" s="13"/>
      <c r="D5817" s="14"/>
      <c r="E5817" s="14"/>
      <c r="F5817" s="16"/>
      <c r="G5817" s="3"/>
      <c r="H5817" s="3"/>
      <c r="I5817" s="3"/>
      <c r="J5817" s="3"/>
      <c r="K5817" s="3"/>
      <c r="L5817" s="3"/>
    </row>
    <row r="5818" spans="1:12" s="22" customFormat="1" ht="27" customHeight="1" x14ac:dyDescent="0.15">
      <c r="A5818" s="13"/>
      <c r="B5818" s="14"/>
      <c r="C5818" s="13"/>
      <c r="D5818" s="14"/>
      <c r="E5818" s="14"/>
      <c r="F5818" s="16"/>
      <c r="G5818" s="3"/>
      <c r="H5818" s="3"/>
      <c r="I5818" s="3"/>
      <c r="J5818" s="3"/>
      <c r="K5818" s="3"/>
      <c r="L5818" s="3"/>
    </row>
    <row r="5819" spans="1:12" s="22" customFormat="1" ht="27" customHeight="1" x14ac:dyDescent="0.15">
      <c r="A5819" s="13"/>
      <c r="B5819" s="14"/>
      <c r="C5819" s="13"/>
      <c r="D5819" s="14"/>
      <c r="E5819" s="14"/>
      <c r="F5819" s="16"/>
      <c r="G5819" s="3"/>
      <c r="H5819" s="3"/>
      <c r="I5819" s="3"/>
      <c r="J5819" s="3"/>
      <c r="K5819" s="3"/>
      <c r="L5819" s="3"/>
    </row>
    <row r="5820" spans="1:12" s="22" customFormat="1" ht="27" customHeight="1" x14ac:dyDescent="0.15">
      <c r="A5820" s="13"/>
      <c r="B5820" s="14"/>
      <c r="C5820" s="13"/>
      <c r="D5820" s="14"/>
      <c r="E5820" s="14"/>
      <c r="F5820" s="16"/>
      <c r="G5820" s="3"/>
      <c r="H5820" s="3"/>
      <c r="I5820" s="3"/>
      <c r="J5820" s="3"/>
      <c r="K5820" s="3"/>
      <c r="L5820" s="3"/>
    </row>
    <row r="5821" spans="1:12" s="22" customFormat="1" ht="27" customHeight="1" x14ac:dyDescent="0.15">
      <c r="A5821" s="13"/>
      <c r="B5821" s="14"/>
      <c r="C5821" s="13"/>
      <c r="D5821" s="14"/>
      <c r="E5821" s="14"/>
      <c r="F5821" s="16"/>
      <c r="G5821" s="3"/>
      <c r="H5821" s="3"/>
      <c r="I5821" s="3"/>
      <c r="J5821" s="3"/>
      <c r="K5821" s="3"/>
      <c r="L5821" s="3"/>
    </row>
    <row r="5822" spans="1:12" s="22" customFormat="1" ht="27" customHeight="1" x14ac:dyDescent="0.15">
      <c r="A5822" s="13"/>
      <c r="B5822" s="14"/>
      <c r="C5822" s="13"/>
      <c r="D5822" s="14"/>
      <c r="E5822" s="14"/>
      <c r="F5822" s="16"/>
      <c r="G5822" s="3"/>
      <c r="H5822" s="3"/>
      <c r="I5822" s="3"/>
      <c r="J5822" s="3"/>
      <c r="K5822" s="3"/>
      <c r="L5822" s="3"/>
    </row>
    <row r="5823" spans="1:12" s="22" customFormat="1" ht="27" customHeight="1" x14ac:dyDescent="0.15">
      <c r="A5823" s="13"/>
      <c r="B5823" s="14"/>
      <c r="C5823" s="13"/>
      <c r="D5823" s="14"/>
      <c r="E5823" s="14"/>
      <c r="F5823" s="16"/>
      <c r="G5823" s="3"/>
      <c r="H5823" s="3"/>
      <c r="I5823" s="3"/>
      <c r="J5823" s="3"/>
      <c r="K5823" s="3"/>
      <c r="L5823" s="3"/>
    </row>
    <row r="5824" spans="1:12" s="22" customFormat="1" ht="27" customHeight="1" x14ac:dyDescent="0.15">
      <c r="A5824" s="13"/>
      <c r="B5824" s="14"/>
      <c r="C5824" s="13"/>
      <c r="D5824" s="14"/>
      <c r="E5824" s="14"/>
      <c r="F5824" s="16"/>
      <c r="G5824" s="3"/>
      <c r="H5824" s="3"/>
      <c r="I5824" s="3"/>
      <c r="J5824" s="3"/>
      <c r="K5824" s="3"/>
      <c r="L5824" s="3"/>
    </row>
    <row r="5825" spans="1:12" s="22" customFormat="1" ht="27" customHeight="1" x14ac:dyDescent="0.15">
      <c r="A5825" s="13"/>
      <c r="B5825" s="14"/>
      <c r="C5825" s="13"/>
      <c r="D5825" s="14"/>
      <c r="E5825" s="14"/>
      <c r="F5825" s="16"/>
      <c r="G5825" s="3"/>
      <c r="H5825" s="3"/>
      <c r="I5825" s="3"/>
      <c r="J5825" s="3"/>
      <c r="K5825" s="3"/>
      <c r="L5825" s="3"/>
    </row>
    <row r="5826" spans="1:12" s="22" customFormat="1" ht="27" customHeight="1" x14ac:dyDescent="0.15">
      <c r="A5826" s="13"/>
      <c r="B5826" s="14"/>
      <c r="C5826" s="13"/>
      <c r="D5826" s="14"/>
      <c r="E5826" s="14"/>
      <c r="F5826" s="16"/>
      <c r="G5826" s="3"/>
      <c r="H5826" s="3"/>
      <c r="I5826" s="3"/>
      <c r="J5826" s="3"/>
      <c r="K5826" s="3"/>
      <c r="L5826" s="3"/>
    </row>
    <row r="5827" spans="1:12" s="22" customFormat="1" ht="27" customHeight="1" x14ac:dyDescent="0.15">
      <c r="A5827" s="13"/>
      <c r="B5827" s="14"/>
      <c r="C5827" s="13"/>
      <c r="D5827" s="14"/>
      <c r="E5827" s="14"/>
      <c r="F5827" s="16"/>
      <c r="G5827" s="3"/>
      <c r="H5827" s="3"/>
      <c r="I5827" s="3"/>
      <c r="J5827" s="3"/>
      <c r="K5827" s="3"/>
      <c r="L5827" s="3"/>
    </row>
    <row r="5828" spans="1:12" s="22" customFormat="1" ht="27" customHeight="1" x14ac:dyDescent="0.15">
      <c r="A5828" s="13"/>
      <c r="B5828" s="14"/>
      <c r="C5828" s="13"/>
      <c r="D5828" s="14"/>
      <c r="E5828" s="14"/>
      <c r="F5828" s="16"/>
      <c r="G5828" s="3"/>
      <c r="H5828" s="3"/>
      <c r="I5828" s="3"/>
      <c r="J5828" s="3"/>
      <c r="K5828" s="3"/>
      <c r="L5828" s="3"/>
    </row>
    <row r="5829" spans="1:12" s="22" customFormat="1" ht="27" customHeight="1" x14ac:dyDescent="0.15">
      <c r="A5829" s="13"/>
      <c r="B5829" s="14"/>
      <c r="C5829" s="13"/>
      <c r="D5829" s="14"/>
      <c r="E5829" s="14"/>
      <c r="F5829" s="16"/>
      <c r="G5829" s="3"/>
      <c r="H5829" s="3"/>
      <c r="I5829" s="3"/>
      <c r="J5829" s="3"/>
      <c r="K5829" s="3"/>
      <c r="L5829" s="3"/>
    </row>
    <row r="5830" spans="1:12" s="22" customFormat="1" ht="27" customHeight="1" x14ac:dyDescent="0.15">
      <c r="A5830" s="13"/>
      <c r="B5830" s="14"/>
      <c r="C5830" s="13"/>
      <c r="D5830" s="14"/>
      <c r="E5830" s="14"/>
      <c r="F5830" s="16"/>
      <c r="G5830" s="3"/>
      <c r="H5830" s="3"/>
      <c r="I5830" s="3"/>
      <c r="J5830" s="3"/>
      <c r="K5830" s="3"/>
      <c r="L5830" s="3"/>
    </row>
    <row r="5831" spans="1:12" s="22" customFormat="1" ht="27" customHeight="1" x14ac:dyDescent="0.15">
      <c r="A5831" s="13"/>
      <c r="B5831" s="14"/>
      <c r="C5831" s="13"/>
      <c r="D5831" s="14"/>
      <c r="E5831" s="14"/>
      <c r="F5831" s="16"/>
      <c r="G5831" s="3"/>
      <c r="H5831" s="3"/>
      <c r="I5831" s="3"/>
      <c r="J5831" s="3"/>
      <c r="K5831" s="3"/>
      <c r="L5831" s="3"/>
    </row>
    <row r="5832" spans="1:12" s="22" customFormat="1" ht="27" customHeight="1" x14ac:dyDescent="0.15">
      <c r="A5832" s="13"/>
      <c r="B5832" s="14"/>
      <c r="C5832" s="13"/>
      <c r="D5832" s="14"/>
      <c r="E5832" s="14"/>
      <c r="F5832" s="16"/>
      <c r="G5832" s="3"/>
      <c r="H5832" s="3"/>
      <c r="I5832" s="3"/>
      <c r="J5832" s="3"/>
      <c r="K5832" s="3"/>
      <c r="L5832" s="3"/>
    </row>
    <row r="5833" spans="1:12" s="22" customFormat="1" ht="27" customHeight="1" x14ac:dyDescent="0.15">
      <c r="A5833" s="13"/>
      <c r="B5833" s="14"/>
      <c r="C5833" s="13"/>
      <c r="D5833" s="14"/>
      <c r="E5833" s="14"/>
      <c r="F5833" s="16"/>
      <c r="G5833" s="3"/>
      <c r="H5833" s="3"/>
      <c r="I5833" s="3"/>
      <c r="J5833" s="3"/>
      <c r="K5833" s="3"/>
      <c r="L5833" s="3"/>
    </row>
    <row r="5834" spans="1:12" s="22" customFormat="1" ht="27" customHeight="1" x14ac:dyDescent="0.15">
      <c r="A5834" s="13"/>
      <c r="B5834" s="14"/>
      <c r="C5834" s="13"/>
      <c r="D5834" s="14"/>
      <c r="E5834" s="14"/>
      <c r="F5834" s="16"/>
      <c r="G5834" s="3"/>
      <c r="H5834" s="3"/>
      <c r="I5834" s="3"/>
      <c r="J5834" s="3"/>
      <c r="K5834" s="3"/>
      <c r="L5834" s="3"/>
    </row>
    <row r="5835" spans="1:12" s="22" customFormat="1" ht="27" customHeight="1" x14ac:dyDescent="0.15">
      <c r="A5835" s="13"/>
      <c r="B5835" s="14"/>
      <c r="C5835" s="13"/>
      <c r="D5835" s="14"/>
      <c r="E5835" s="14"/>
      <c r="F5835" s="16"/>
      <c r="G5835" s="3"/>
      <c r="H5835" s="3"/>
      <c r="I5835" s="3"/>
      <c r="J5835" s="3"/>
      <c r="K5835" s="3"/>
      <c r="L5835" s="3"/>
    </row>
    <row r="5836" spans="1:12" s="22" customFormat="1" ht="27" customHeight="1" x14ac:dyDescent="0.15">
      <c r="A5836" s="13"/>
      <c r="B5836" s="14"/>
      <c r="C5836" s="13"/>
      <c r="D5836" s="14"/>
      <c r="E5836" s="14"/>
      <c r="F5836" s="16"/>
      <c r="G5836" s="3"/>
      <c r="H5836" s="3"/>
      <c r="I5836" s="3"/>
      <c r="J5836" s="3"/>
      <c r="K5836" s="3"/>
      <c r="L5836" s="3"/>
    </row>
    <row r="5837" spans="1:12" s="22" customFormat="1" ht="27" customHeight="1" x14ac:dyDescent="0.15">
      <c r="A5837" s="13"/>
      <c r="B5837" s="14"/>
      <c r="C5837" s="13"/>
      <c r="D5837" s="14"/>
      <c r="E5837" s="14"/>
      <c r="F5837" s="16"/>
      <c r="G5837" s="3"/>
      <c r="H5837" s="3"/>
      <c r="I5837" s="3"/>
      <c r="J5837" s="3"/>
      <c r="K5837" s="3"/>
      <c r="L5837" s="3"/>
    </row>
    <row r="5838" spans="1:12" s="22" customFormat="1" ht="27" customHeight="1" x14ac:dyDescent="0.15">
      <c r="A5838" s="13"/>
      <c r="B5838" s="14"/>
      <c r="C5838" s="13"/>
      <c r="D5838" s="14"/>
      <c r="E5838" s="14"/>
      <c r="F5838" s="16"/>
      <c r="G5838" s="3"/>
      <c r="H5838" s="3"/>
      <c r="I5838" s="3"/>
      <c r="J5838" s="3"/>
      <c r="K5838" s="3"/>
      <c r="L5838" s="3"/>
    </row>
    <row r="5839" spans="1:12" s="22" customFormat="1" ht="27" customHeight="1" x14ac:dyDescent="0.15">
      <c r="A5839" s="13"/>
      <c r="B5839" s="14"/>
      <c r="C5839" s="13"/>
      <c r="D5839" s="14"/>
      <c r="E5839" s="14"/>
      <c r="F5839" s="16"/>
      <c r="G5839" s="3"/>
      <c r="H5839" s="3"/>
      <c r="I5839" s="3"/>
      <c r="J5839" s="3"/>
      <c r="K5839" s="3"/>
      <c r="L5839" s="3"/>
    </row>
    <row r="5840" spans="1:12" s="22" customFormat="1" ht="27" customHeight="1" x14ac:dyDescent="0.15">
      <c r="A5840" s="13"/>
      <c r="B5840" s="14"/>
      <c r="C5840" s="13"/>
      <c r="D5840" s="14"/>
      <c r="E5840" s="14"/>
      <c r="F5840" s="16"/>
      <c r="G5840" s="3"/>
      <c r="H5840" s="3"/>
      <c r="I5840" s="3"/>
      <c r="J5840" s="3"/>
      <c r="K5840" s="3"/>
      <c r="L5840" s="3"/>
    </row>
    <row r="5841" spans="1:12" s="22" customFormat="1" ht="27" customHeight="1" x14ac:dyDescent="0.15">
      <c r="A5841" s="13"/>
      <c r="B5841" s="14"/>
      <c r="C5841" s="13"/>
      <c r="D5841" s="14"/>
      <c r="E5841" s="14"/>
      <c r="F5841" s="16"/>
      <c r="G5841" s="3"/>
      <c r="H5841" s="3"/>
      <c r="I5841" s="3"/>
      <c r="J5841" s="3"/>
      <c r="K5841" s="3"/>
      <c r="L5841" s="3"/>
    </row>
    <row r="5842" spans="1:12" s="22" customFormat="1" ht="27" customHeight="1" x14ac:dyDescent="0.15">
      <c r="A5842" s="13"/>
      <c r="B5842" s="14"/>
      <c r="C5842" s="13"/>
      <c r="D5842" s="14"/>
      <c r="E5842" s="14"/>
      <c r="F5842" s="16"/>
      <c r="G5842" s="3"/>
      <c r="H5842" s="3"/>
      <c r="I5842" s="3"/>
      <c r="J5842" s="3"/>
      <c r="K5842" s="3"/>
      <c r="L5842" s="3"/>
    </row>
    <row r="5843" spans="1:12" s="22" customFormat="1" ht="27" customHeight="1" x14ac:dyDescent="0.15">
      <c r="A5843" s="13"/>
      <c r="B5843" s="14"/>
      <c r="C5843" s="13"/>
      <c r="D5843" s="14"/>
      <c r="E5843" s="14"/>
      <c r="F5843" s="16"/>
      <c r="G5843" s="3"/>
      <c r="H5843" s="3"/>
      <c r="I5843" s="3"/>
      <c r="J5843" s="3"/>
      <c r="K5843" s="3"/>
      <c r="L5843" s="3"/>
    </row>
    <row r="5844" spans="1:12" s="22" customFormat="1" ht="27" customHeight="1" x14ac:dyDescent="0.15">
      <c r="A5844" s="13"/>
      <c r="B5844" s="14"/>
      <c r="C5844" s="13"/>
      <c r="D5844" s="14"/>
      <c r="E5844" s="14"/>
      <c r="F5844" s="16"/>
      <c r="G5844" s="3"/>
      <c r="H5844" s="3"/>
      <c r="I5844" s="3"/>
      <c r="J5844" s="3"/>
      <c r="K5844" s="3"/>
      <c r="L5844" s="3"/>
    </row>
    <row r="5845" spans="1:12" s="22" customFormat="1" ht="27" customHeight="1" x14ac:dyDescent="0.15">
      <c r="A5845" s="13"/>
      <c r="B5845" s="14"/>
      <c r="C5845" s="13"/>
      <c r="D5845" s="14"/>
      <c r="E5845" s="14"/>
      <c r="F5845" s="16"/>
      <c r="G5845" s="3"/>
      <c r="H5845" s="3"/>
      <c r="I5845" s="3"/>
      <c r="J5845" s="3"/>
      <c r="K5845" s="3"/>
      <c r="L5845" s="3"/>
    </row>
    <row r="5846" spans="1:12" s="22" customFormat="1" ht="27" customHeight="1" x14ac:dyDescent="0.15">
      <c r="A5846" s="13"/>
      <c r="B5846" s="14"/>
      <c r="C5846" s="13"/>
      <c r="D5846" s="14"/>
      <c r="E5846" s="14"/>
      <c r="F5846" s="16"/>
      <c r="G5846" s="3"/>
      <c r="H5846" s="3"/>
      <c r="I5846" s="3"/>
      <c r="J5846" s="3"/>
      <c r="K5846" s="3"/>
      <c r="L5846" s="3"/>
    </row>
    <row r="5847" spans="1:12" s="22" customFormat="1" ht="27" customHeight="1" x14ac:dyDescent="0.15">
      <c r="A5847" s="13"/>
      <c r="B5847" s="14"/>
      <c r="C5847" s="13"/>
      <c r="D5847" s="14"/>
      <c r="E5847" s="14"/>
      <c r="F5847" s="16"/>
      <c r="G5847" s="3"/>
      <c r="H5847" s="3"/>
      <c r="I5847" s="3"/>
      <c r="J5847" s="3"/>
      <c r="K5847" s="3"/>
      <c r="L5847" s="3"/>
    </row>
    <row r="5848" spans="1:12" s="22" customFormat="1" ht="27" customHeight="1" x14ac:dyDescent="0.15">
      <c r="A5848" s="13"/>
      <c r="B5848" s="14"/>
      <c r="C5848" s="13"/>
      <c r="D5848" s="14"/>
      <c r="E5848" s="14"/>
      <c r="F5848" s="16"/>
      <c r="G5848" s="3"/>
      <c r="H5848" s="3"/>
      <c r="I5848" s="3"/>
      <c r="J5848" s="3"/>
      <c r="K5848" s="3"/>
      <c r="L5848" s="3"/>
    </row>
    <row r="5849" spans="1:12" s="22" customFormat="1" ht="27" customHeight="1" x14ac:dyDescent="0.15">
      <c r="A5849" s="13"/>
      <c r="B5849" s="14"/>
      <c r="C5849" s="13"/>
      <c r="D5849" s="14"/>
      <c r="E5849" s="14"/>
      <c r="F5849" s="16"/>
      <c r="G5849" s="3"/>
      <c r="H5849" s="3"/>
      <c r="I5849" s="3"/>
      <c r="J5849" s="3"/>
      <c r="K5849" s="3"/>
      <c r="L5849" s="3"/>
    </row>
    <row r="5850" spans="1:12" s="22" customFormat="1" ht="27" customHeight="1" x14ac:dyDescent="0.15">
      <c r="A5850" s="13"/>
      <c r="B5850" s="14"/>
      <c r="C5850" s="13"/>
      <c r="D5850" s="14"/>
      <c r="E5850" s="14"/>
      <c r="F5850" s="16"/>
      <c r="G5850" s="3"/>
      <c r="H5850" s="3"/>
      <c r="I5850" s="3"/>
      <c r="J5850" s="3"/>
      <c r="K5850" s="3"/>
      <c r="L5850" s="3"/>
    </row>
    <row r="5851" spans="1:12" s="22" customFormat="1" ht="27" customHeight="1" x14ac:dyDescent="0.15">
      <c r="A5851" s="13"/>
      <c r="B5851" s="14"/>
      <c r="C5851" s="13"/>
      <c r="D5851" s="14"/>
      <c r="E5851" s="14"/>
      <c r="F5851" s="16"/>
      <c r="G5851" s="3"/>
      <c r="H5851" s="3"/>
      <c r="I5851" s="3"/>
      <c r="J5851" s="3"/>
      <c r="K5851" s="3"/>
      <c r="L5851" s="3"/>
    </row>
    <row r="5852" spans="1:12" s="22" customFormat="1" ht="27" customHeight="1" x14ac:dyDescent="0.15">
      <c r="A5852" s="13"/>
      <c r="B5852" s="14"/>
      <c r="C5852" s="13"/>
      <c r="D5852" s="14"/>
      <c r="E5852" s="14"/>
      <c r="F5852" s="16"/>
      <c r="G5852" s="3"/>
      <c r="H5852" s="3"/>
      <c r="I5852" s="3"/>
      <c r="J5852" s="3"/>
      <c r="K5852" s="3"/>
      <c r="L5852" s="3"/>
    </row>
    <row r="5853" spans="1:12" s="22" customFormat="1" ht="27" customHeight="1" x14ac:dyDescent="0.15">
      <c r="A5853" s="13"/>
      <c r="B5853" s="14"/>
      <c r="C5853" s="13"/>
      <c r="D5853" s="14"/>
      <c r="E5853" s="14"/>
      <c r="F5853" s="16"/>
      <c r="G5853" s="3"/>
      <c r="H5853" s="3"/>
      <c r="I5853" s="3"/>
      <c r="J5853" s="3"/>
      <c r="K5853" s="3"/>
      <c r="L5853" s="3"/>
    </row>
    <row r="5854" spans="1:12" s="22" customFormat="1" ht="27" customHeight="1" x14ac:dyDescent="0.15">
      <c r="A5854" s="13"/>
      <c r="B5854" s="14"/>
      <c r="C5854" s="13"/>
      <c r="D5854" s="14"/>
      <c r="E5854" s="14"/>
      <c r="F5854" s="16"/>
      <c r="G5854" s="3"/>
      <c r="H5854" s="3"/>
      <c r="I5854" s="3"/>
      <c r="J5854" s="3"/>
      <c r="K5854" s="3"/>
      <c r="L5854" s="3"/>
    </row>
    <row r="5855" spans="1:12" s="22" customFormat="1" ht="27" customHeight="1" x14ac:dyDescent="0.15">
      <c r="A5855" s="13"/>
      <c r="B5855" s="14"/>
      <c r="C5855" s="13"/>
      <c r="D5855" s="14"/>
      <c r="E5855" s="14"/>
      <c r="F5855" s="16"/>
      <c r="G5855" s="3"/>
      <c r="H5855" s="3"/>
      <c r="I5855" s="3"/>
      <c r="J5855" s="3"/>
      <c r="K5855" s="3"/>
      <c r="L5855" s="3"/>
    </row>
    <row r="5856" spans="1:12" s="22" customFormat="1" ht="27" customHeight="1" x14ac:dyDescent="0.15">
      <c r="A5856" s="13"/>
      <c r="B5856" s="14"/>
      <c r="C5856" s="13"/>
      <c r="D5856" s="14"/>
      <c r="E5856" s="14"/>
      <c r="F5856" s="16"/>
      <c r="G5856" s="3"/>
      <c r="H5856" s="3"/>
      <c r="I5856" s="3"/>
      <c r="J5856" s="3"/>
      <c r="K5856" s="3"/>
      <c r="L5856" s="3"/>
    </row>
    <row r="5857" spans="1:12" s="22" customFormat="1" ht="27" customHeight="1" x14ac:dyDescent="0.15">
      <c r="A5857" s="13"/>
      <c r="B5857" s="14"/>
      <c r="C5857" s="13"/>
      <c r="D5857" s="14"/>
      <c r="E5857" s="14"/>
      <c r="F5857" s="16"/>
      <c r="G5857" s="3"/>
      <c r="H5857" s="3"/>
      <c r="I5857" s="3"/>
      <c r="J5857" s="3"/>
      <c r="K5857" s="3"/>
      <c r="L5857" s="3"/>
    </row>
    <row r="5858" spans="1:12" s="22" customFormat="1" ht="27" customHeight="1" x14ac:dyDescent="0.15">
      <c r="A5858" s="13"/>
      <c r="B5858" s="14"/>
      <c r="C5858" s="13"/>
      <c r="D5858" s="14"/>
      <c r="E5858" s="14"/>
      <c r="F5858" s="16"/>
      <c r="G5858" s="3"/>
      <c r="H5858" s="3"/>
      <c r="I5858" s="3"/>
      <c r="J5858" s="3"/>
      <c r="K5858" s="3"/>
      <c r="L5858" s="3"/>
    </row>
    <row r="5859" spans="1:12" s="22" customFormat="1" ht="27" customHeight="1" x14ac:dyDescent="0.15">
      <c r="A5859" s="13"/>
      <c r="B5859" s="14"/>
      <c r="C5859" s="13"/>
      <c r="D5859" s="14"/>
      <c r="E5859" s="14"/>
      <c r="F5859" s="16"/>
      <c r="G5859" s="3"/>
      <c r="H5859" s="3"/>
      <c r="I5859" s="3"/>
      <c r="J5859" s="3"/>
      <c r="K5859" s="3"/>
      <c r="L5859" s="3"/>
    </row>
    <row r="5860" spans="1:12" s="22" customFormat="1" ht="27" customHeight="1" x14ac:dyDescent="0.15">
      <c r="A5860" s="13"/>
      <c r="B5860" s="14"/>
      <c r="C5860" s="13"/>
      <c r="D5860" s="14"/>
      <c r="E5860" s="14"/>
      <c r="F5860" s="16"/>
      <c r="G5860" s="3"/>
      <c r="H5860" s="3"/>
      <c r="I5860" s="3"/>
      <c r="J5860" s="3"/>
      <c r="K5860" s="3"/>
      <c r="L5860" s="3"/>
    </row>
    <row r="5861" spans="1:12" s="22" customFormat="1" ht="27" customHeight="1" x14ac:dyDescent="0.15">
      <c r="A5861" s="13"/>
      <c r="B5861" s="14"/>
      <c r="C5861" s="13"/>
      <c r="D5861" s="14"/>
      <c r="E5861" s="14"/>
      <c r="F5861" s="16"/>
      <c r="G5861" s="3"/>
      <c r="H5861" s="3"/>
      <c r="I5861" s="3"/>
      <c r="J5861" s="3"/>
      <c r="K5861" s="3"/>
      <c r="L5861" s="3"/>
    </row>
    <row r="5862" spans="1:12" s="22" customFormat="1" ht="27" customHeight="1" x14ac:dyDescent="0.15">
      <c r="A5862" s="13"/>
      <c r="B5862" s="14"/>
      <c r="C5862" s="13"/>
      <c r="D5862" s="14"/>
      <c r="E5862" s="14"/>
      <c r="F5862" s="16"/>
      <c r="G5862" s="3"/>
      <c r="H5862" s="3"/>
      <c r="I5862" s="3"/>
      <c r="J5862" s="3"/>
      <c r="K5862" s="3"/>
      <c r="L5862" s="3"/>
    </row>
    <row r="5863" spans="1:12" s="22" customFormat="1" ht="27" customHeight="1" x14ac:dyDescent="0.15">
      <c r="A5863" s="13"/>
      <c r="B5863" s="14"/>
      <c r="C5863" s="13"/>
      <c r="D5863" s="14"/>
      <c r="E5863" s="14"/>
      <c r="F5863" s="16"/>
      <c r="G5863" s="3"/>
      <c r="H5863" s="3"/>
      <c r="I5863" s="3"/>
      <c r="J5863" s="3"/>
      <c r="K5863" s="3"/>
      <c r="L5863" s="3"/>
    </row>
    <row r="5864" spans="1:12" s="22" customFormat="1" ht="27" customHeight="1" x14ac:dyDescent="0.15">
      <c r="A5864" s="13"/>
      <c r="B5864" s="14"/>
      <c r="C5864" s="13"/>
      <c r="D5864" s="14"/>
      <c r="E5864" s="14"/>
      <c r="F5864" s="16"/>
      <c r="G5864" s="3"/>
      <c r="H5864" s="3"/>
      <c r="I5864" s="3"/>
      <c r="J5864" s="3"/>
      <c r="K5864" s="3"/>
      <c r="L5864" s="3"/>
    </row>
    <row r="5865" spans="1:12" s="22" customFormat="1" ht="27" customHeight="1" x14ac:dyDescent="0.15">
      <c r="A5865" s="13"/>
      <c r="B5865" s="14"/>
      <c r="C5865" s="13"/>
      <c r="D5865" s="14"/>
      <c r="E5865" s="14"/>
      <c r="F5865" s="16"/>
      <c r="G5865" s="3"/>
      <c r="H5865" s="3"/>
      <c r="I5865" s="3"/>
      <c r="J5865" s="3"/>
      <c r="K5865" s="3"/>
      <c r="L5865" s="3"/>
    </row>
    <row r="5866" spans="1:12" s="22" customFormat="1" ht="27" customHeight="1" x14ac:dyDescent="0.15">
      <c r="A5866" s="13"/>
      <c r="B5866" s="14"/>
      <c r="C5866" s="13"/>
      <c r="D5866" s="14"/>
      <c r="E5866" s="14"/>
      <c r="F5866" s="16"/>
      <c r="G5866" s="3"/>
      <c r="H5866" s="3"/>
      <c r="I5866" s="3"/>
      <c r="J5866" s="3"/>
      <c r="K5866" s="3"/>
      <c r="L5866" s="3"/>
    </row>
    <row r="5867" spans="1:12" s="22" customFormat="1" ht="27" customHeight="1" x14ac:dyDescent="0.15">
      <c r="A5867" s="13"/>
      <c r="B5867" s="14"/>
      <c r="C5867" s="13"/>
      <c r="D5867" s="14"/>
      <c r="E5867" s="14"/>
      <c r="F5867" s="16"/>
      <c r="G5867" s="3"/>
      <c r="H5867" s="3"/>
      <c r="I5867" s="3"/>
      <c r="J5867" s="3"/>
      <c r="K5867" s="3"/>
      <c r="L5867" s="3"/>
    </row>
    <row r="5868" spans="1:12" s="22" customFormat="1" ht="27" customHeight="1" x14ac:dyDescent="0.15">
      <c r="A5868" s="13"/>
      <c r="B5868" s="14"/>
      <c r="C5868" s="13"/>
      <c r="D5868" s="14"/>
      <c r="E5868" s="14"/>
      <c r="F5868" s="16"/>
      <c r="G5868" s="3"/>
      <c r="H5868" s="3"/>
      <c r="I5868" s="3"/>
      <c r="J5868" s="3"/>
      <c r="K5868" s="3"/>
      <c r="L5868" s="3"/>
    </row>
    <row r="5869" spans="1:12" s="22" customFormat="1" ht="27" customHeight="1" x14ac:dyDescent="0.15">
      <c r="A5869" s="13"/>
      <c r="B5869" s="14"/>
      <c r="C5869" s="13"/>
      <c r="D5869" s="14"/>
      <c r="E5869" s="14"/>
      <c r="F5869" s="16"/>
      <c r="G5869" s="3"/>
      <c r="H5869" s="3"/>
      <c r="I5869" s="3"/>
      <c r="J5869" s="3"/>
      <c r="K5869" s="3"/>
      <c r="L5869" s="3"/>
    </row>
    <row r="5870" spans="1:12" s="22" customFormat="1" ht="27" customHeight="1" x14ac:dyDescent="0.15">
      <c r="A5870" s="13"/>
      <c r="B5870" s="14"/>
      <c r="C5870" s="13"/>
      <c r="D5870" s="14"/>
      <c r="E5870" s="14"/>
      <c r="F5870" s="16"/>
      <c r="G5870" s="3"/>
      <c r="H5870" s="3"/>
      <c r="I5870" s="3"/>
      <c r="J5870" s="3"/>
      <c r="K5870" s="3"/>
      <c r="L5870" s="3"/>
    </row>
    <row r="5871" spans="1:12" s="22" customFormat="1" ht="27" customHeight="1" x14ac:dyDescent="0.15">
      <c r="A5871" s="13"/>
      <c r="B5871" s="14"/>
      <c r="C5871" s="13"/>
      <c r="D5871" s="14"/>
      <c r="E5871" s="14"/>
      <c r="F5871" s="16"/>
      <c r="G5871" s="3"/>
      <c r="H5871" s="3"/>
      <c r="I5871" s="3"/>
      <c r="J5871" s="3"/>
      <c r="K5871" s="3"/>
      <c r="L5871" s="3"/>
    </row>
    <row r="5872" spans="1:12" s="22" customFormat="1" ht="27" customHeight="1" x14ac:dyDescent="0.15">
      <c r="A5872" s="13"/>
      <c r="B5872" s="14"/>
      <c r="C5872" s="13"/>
      <c r="D5872" s="14"/>
      <c r="E5872" s="14"/>
      <c r="F5872" s="16"/>
      <c r="G5872" s="3"/>
      <c r="H5872" s="3"/>
      <c r="I5872" s="3"/>
      <c r="J5872" s="3"/>
      <c r="K5872" s="3"/>
      <c r="L5872" s="3"/>
    </row>
    <row r="5873" spans="1:12" s="22" customFormat="1" ht="27" customHeight="1" x14ac:dyDescent="0.15">
      <c r="A5873" s="13"/>
      <c r="B5873" s="14"/>
      <c r="C5873" s="13"/>
      <c r="D5873" s="14"/>
      <c r="E5873" s="14"/>
      <c r="F5873" s="16"/>
      <c r="G5873" s="3"/>
      <c r="H5873" s="3"/>
      <c r="I5873" s="3"/>
      <c r="J5873" s="3"/>
      <c r="K5873" s="3"/>
      <c r="L5873" s="3"/>
    </row>
    <row r="5874" spans="1:12" s="22" customFormat="1" ht="27" customHeight="1" x14ac:dyDescent="0.15">
      <c r="A5874" s="13"/>
      <c r="B5874" s="14"/>
      <c r="C5874" s="13"/>
      <c r="D5874" s="14"/>
      <c r="E5874" s="14"/>
      <c r="F5874" s="16"/>
      <c r="G5874" s="3"/>
      <c r="H5874" s="3"/>
      <c r="I5874" s="3"/>
      <c r="J5874" s="3"/>
      <c r="K5874" s="3"/>
      <c r="L5874" s="3"/>
    </row>
    <row r="5875" spans="1:12" s="22" customFormat="1" ht="27" customHeight="1" x14ac:dyDescent="0.15">
      <c r="A5875" s="13"/>
      <c r="B5875" s="14"/>
      <c r="C5875" s="13"/>
      <c r="D5875" s="14"/>
      <c r="E5875" s="14"/>
      <c r="F5875" s="16"/>
      <c r="G5875" s="3"/>
      <c r="H5875" s="3"/>
      <c r="I5875" s="3"/>
      <c r="J5875" s="3"/>
      <c r="K5875" s="3"/>
      <c r="L5875" s="3"/>
    </row>
    <row r="5876" spans="1:12" s="22" customFormat="1" ht="27" customHeight="1" x14ac:dyDescent="0.15">
      <c r="A5876" s="13"/>
      <c r="B5876" s="14"/>
      <c r="C5876" s="13"/>
      <c r="D5876" s="14"/>
      <c r="E5876" s="14"/>
      <c r="F5876" s="16"/>
      <c r="G5876" s="3"/>
      <c r="H5876" s="3"/>
      <c r="I5876" s="3"/>
      <c r="J5876" s="3"/>
      <c r="K5876" s="3"/>
      <c r="L5876" s="3"/>
    </row>
    <row r="5877" spans="1:12" s="22" customFormat="1" ht="27" customHeight="1" x14ac:dyDescent="0.15">
      <c r="A5877" s="13"/>
      <c r="B5877" s="14"/>
      <c r="C5877" s="13"/>
      <c r="D5877" s="14"/>
      <c r="E5877" s="14"/>
      <c r="F5877" s="16"/>
      <c r="G5877" s="3"/>
      <c r="H5877" s="3"/>
      <c r="I5877" s="3"/>
      <c r="J5877" s="3"/>
      <c r="K5877" s="3"/>
      <c r="L5877" s="3"/>
    </row>
    <row r="5878" spans="1:12" s="22" customFormat="1" ht="27" customHeight="1" x14ac:dyDescent="0.15">
      <c r="A5878" s="13"/>
      <c r="B5878" s="14"/>
      <c r="C5878" s="13"/>
      <c r="D5878" s="14"/>
      <c r="E5878" s="14"/>
      <c r="F5878" s="16"/>
      <c r="G5878" s="3"/>
      <c r="H5878" s="3"/>
      <c r="I5878" s="3"/>
      <c r="J5878" s="3"/>
      <c r="K5878" s="3"/>
      <c r="L5878" s="3"/>
    </row>
    <row r="5879" spans="1:12" s="22" customFormat="1" ht="27" customHeight="1" x14ac:dyDescent="0.15">
      <c r="A5879" s="13"/>
      <c r="B5879" s="14"/>
      <c r="C5879" s="13"/>
      <c r="D5879" s="14"/>
      <c r="E5879" s="14"/>
      <c r="F5879" s="16"/>
      <c r="G5879" s="3"/>
      <c r="H5879" s="3"/>
      <c r="I5879" s="3"/>
      <c r="J5879" s="3"/>
      <c r="K5879" s="3"/>
      <c r="L5879" s="3"/>
    </row>
    <row r="5880" spans="1:12" s="22" customFormat="1" ht="27" customHeight="1" x14ac:dyDescent="0.15">
      <c r="A5880" s="13"/>
      <c r="B5880" s="14"/>
      <c r="C5880" s="13"/>
      <c r="D5880" s="14"/>
      <c r="E5880" s="14"/>
      <c r="F5880" s="16"/>
      <c r="G5880" s="3"/>
      <c r="H5880" s="3"/>
      <c r="I5880" s="3"/>
      <c r="J5880" s="3"/>
      <c r="K5880" s="3"/>
      <c r="L5880" s="3"/>
    </row>
    <row r="5881" spans="1:12" s="22" customFormat="1" ht="27" customHeight="1" x14ac:dyDescent="0.15">
      <c r="A5881" s="13"/>
      <c r="B5881" s="14"/>
      <c r="C5881" s="13"/>
      <c r="D5881" s="14"/>
      <c r="E5881" s="14"/>
      <c r="F5881" s="16"/>
      <c r="G5881" s="3"/>
      <c r="H5881" s="3"/>
      <c r="I5881" s="3"/>
      <c r="J5881" s="3"/>
      <c r="K5881" s="3"/>
      <c r="L5881" s="3"/>
    </row>
    <row r="5882" spans="1:12" s="22" customFormat="1" ht="27" customHeight="1" x14ac:dyDescent="0.15">
      <c r="A5882" s="13"/>
      <c r="B5882" s="14"/>
      <c r="C5882" s="13"/>
      <c r="D5882" s="14"/>
      <c r="E5882" s="14"/>
      <c r="F5882" s="16"/>
      <c r="G5882" s="3"/>
      <c r="H5882" s="3"/>
      <c r="I5882" s="3"/>
      <c r="J5882" s="3"/>
      <c r="K5882" s="3"/>
      <c r="L5882" s="3"/>
    </row>
    <row r="5883" spans="1:12" s="22" customFormat="1" ht="27" customHeight="1" x14ac:dyDescent="0.15">
      <c r="A5883" s="13"/>
      <c r="B5883" s="14"/>
      <c r="C5883" s="13"/>
      <c r="D5883" s="14"/>
      <c r="E5883" s="14"/>
      <c r="F5883" s="16"/>
      <c r="G5883" s="3"/>
      <c r="H5883" s="3"/>
      <c r="I5883" s="3"/>
      <c r="J5883" s="3"/>
      <c r="K5883" s="3"/>
      <c r="L5883" s="3"/>
    </row>
    <row r="5884" spans="1:12" s="22" customFormat="1" ht="27" customHeight="1" x14ac:dyDescent="0.15">
      <c r="A5884" s="13"/>
      <c r="B5884" s="14"/>
      <c r="C5884" s="13"/>
      <c r="D5884" s="14"/>
      <c r="E5884" s="14"/>
      <c r="F5884" s="16"/>
      <c r="G5884" s="3"/>
      <c r="H5884" s="3"/>
      <c r="I5884" s="3"/>
      <c r="J5884" s="3"/>
      <c r="K5884" s="3"/>
      <c r="L5884" s="3"/>
    </row>
    <row r="5885" spans="1:12" s="22" customFormat="1" ht="27" customHeight="1" x14ac:dyDescent="0.15">
      <c r="A5885" s="13"/>
      <c r="B5885" s="14"/>
      <c r="C5885" s="13"/>
      <c r="D5885" s="14"/>
      <c r="E5885" s="14"/>
      <c r="F5885" s="16"/>
      <c r="G5885" s="3"/>
      <c r="H5885" s="3"/>
      <c r="I5885" s="3"/>
      <c r="J5885" s="3"/>
      <c r="K5885" s="3"/>
      <c r="L5885" s="3"/>
    </row>
    <row r="5886" spans="1:12" s="22" customFormat="1" ht="27" customHeight="1" x14ac:dyDescent="0.15">
      <c r="A5886" s="13"/>
      <c r="B5886" s="14"/>
      <c r="C5886" s="13"/>
      <c r="D5886" s="14"/>
      <c r="E5886" s="14"/>
      <c r="F5886" s="16"/>
      <c r="G5886" s="3"/>
      <c r="H5886" s="3"/>
      <c r="I5886" s="3"/>
      <c r="J5886" s="3"/>
      <c r="K5886" s="3"/>
      <c r="L5886" s="3"/>
    </row>
    <row r="5887" spans="1:12" s="22" customFormat="1" ht="27" customHeight="1" x14ac:dyDescent="0.15">
      <c r="A5887" s="13"/>
      <c r="B5887" s="14"/>
      <c r="C5887" s="13"/>
      <c r="D5887" s="14"/>
      <c r="E5887" s="14"/>
      <c r="F5887" s="16"/>
      <c r="G5887" s="3"/>
      <c r="H5887" s="3"/>
      <c r="I5887" s="3"/>
      <c r="J5887" s="3"/>
      <c r="K5887" s="3"/>
      <c r="L5887" s="3"/>
    </row>
    <row r="5888" spans="1:12" s="22" customFormat="1" ht="27" customHeight="1" x14ac:dyDescent="0.15">
      <c r="A5888" s="13"/>
      <c r="B5888" s="14"/>
      <c r="C5888" s="13"/>
      <c r="D5888" s="14"/>
      <c r="E5888" s="14"/>
      <c r="F5888" s="16"/>
      <c r="G5888" s="3"/>
      <c r="H5888" s="3"/>
      <c r="I5888" s="3"/>
      <c r="J5888" s="3"/>
      <c r="K5888" s="3"/>
      <c r="L5888" s="3"/>
    </row>
    <row r="5889" spans="1:12" s="22" customFormat="1" ht="27" customHeight="1" x14ac:dyDescent="0.15">
      <c r="A5889" s="13"/>
      <c r="B5889" s="14"/>
      <c r="C5889" s="13"/>
      <c r="D5889" s="14"/>
      <c r="E5889" s="14"/>
      <c r="F5889" s="16"/>
      <c r="G5889" s="3"/>
      <c r="H5889" s="3"/>
      <c r="I5889" s="3"/>
      <c r="J5889" s="3"/>
      <c r="K5889" s="3"/>
      <c r="L5889" s="3"/>
    </row>
    <row r="5890" spans="1:12" s="22" customFormat="1" ht="27" customHeight="1" x14ac:dyDescent="0.15">
      <c r="A5890" s="13"/>
      <c r="B5890" s="14"/>
      <c r="C5890" s="13"/>
      <c r="D5890" s="14"/>
      <c r="E5890" s="14"/>
      <c r="F5890" s="16"/>
      <c r="G5890" s="3"/>
      <c r="H5890" s="3"/>
      <c r="I5890" s="3"/>
      <c r="J5890" s="3"/>
      <c r="K5890" s="3"/>
      <c r="L5890" s="3"/>
    </row>
    <row r="5891" spans="1:12" s="22" customFormat="1" ht="27" customHeight="1" x14ac:dyDescent="0.15">
      <c r="A5891" s="13"/>
      <c r="B5891" s="14"/>
      <c r="C5891" s="13"/>
      <c r="D5891" s="14"/>
      <c r="E5891" s="14"/>
      <c r="F5891" s="16"/>
      <c r="G5891" s="3"/>
      <c r="H5891" s="3"/>
      <c r="I5891" s="3"/>
      <c r="J5891" s="3"/>
      <c r="K5891" s="3"/>
      <c r="L5891" s="3"/>
    </row>
    <row r="5892" spans="1:12" s="22" customFormat="1" ht="27" customHeight="1" x14ac:dyDescent="0.15">
      <c r="A5892" s="13"/>
      <c r="B5892" s="14"/>
      <c r="C5892" s="13"/>
      <c r="D5892" s="14"/>
      <c r="E5892" s="14"/>
      <c r="F5892" s="16"/>
      <c r="G5892" s="3"/>
      <c r="H5892" s="3"/>
      <c r="I5892" s="3"/>
      <c r="J5892" s="3"/>
      <c r="K5892" s="3"/>
      <c r="L5892" s="3"/>
    </row>
    <row r="5893" spans="1:12" s="22" customFormat="1" ht="27" customHeight="1" x14ac:dyDescent="0.15">
      <c r="A5893" s="13"/>
      <c r="B5893" s="14"/>
      <c r="C5893" s="13"/>
      <c r="D5893" s="14"/>
      <c r="E5893" s="14"/>
      <c r="F5893" s="16"/>
      <c r="G5893" s="3"/>
      <c r="H5893" s="3"/>
      <c r="I5893" s="3"/>
      <c r="J5893" s="3"/>
      <c r="K5893" s="3"/>
      <c r="L5893" s="3"/>
    </row>
    <row r="5894" spans="1:12" s="22" customFormat="1" ht="27" customHeight="1" x14ac:dyDescent="0.15">
      <c r="A5894" s="13"/>
      <c r="B5894" s="14"/>
      <c r="C5894" s="13"/>
      <c r="D5894" s="14"/>
      <c r="E5894" s="14"/>
      <c r="F5894" s="16"/>
      <c r="G5894" s="3"/>
      <c r="H5894" s="3"/>
      <c r="I5894" s="3"/>
      <c r="J5894" s="3"/>
      <c r="K5894" s="3"/>
      <c r="L5894" s="3"/>
    </row>
    <row r="5895" spans="1:12" s="22" customFormat="1" ht="27" customHeight="1" x14ac:dyDescent="0.15">
      <c r="A5895" s="13"/>
      <c r="B5895" s="14"/>
      <c r="C5895" s="13"/>
      <c r="D5895" s="14"/>
      <c r="E5895" s="14"/>
      <c r="F5895" s="16"/>
      <c r="G5895" s="3"/>
      <c r="H5895" s="3"/>
      <c r="I5895" s="3"/>
      <c r="J5895" s="3"/>
      <c r="K5895" s="3"/>
      <c r="L5895" s="3"/>
    </row>
    <row r="5896" spans="1:12" s="22" customFormat="1" ht="27" customHeight="1" x14ac:dyDescent="0.15">
      <c r="A5896" s="13"/>
      <c r="B5896" s="14"/>
      <c r="C5896" s="13"/>
      <c r="D5896" s="14"/>
      <c r="E5896" s="14"/>
      <c r="F5896" s="16"/>
      <c r="G5896" s="3"/>
      <c r="H5896" s="3"/>
      <c r="I5896" s="3"/>
      <c r="J5896" s="3"/>
      <c r="K5896" s="3"/>
      <c r="L5896" s="3"/>
    </row>
    <row r="5897" spans="1:12" s="22" customFormat="1" ht="27" customHeight="1" x14ac:dyDescent="0.15">
      <c r="A5897" s="13"/>
      <c r="B5897" s="14"/>
      <c r="C5897" s="13"/>
      <c r="D5897" s="14"/>
      <c r="E5897" s="14"/>
      <c r="F5897" s="16"/>
      <c r="G5897" s="3"/>
      <c r="H5897" s="3"/>
      <c r="I5897" s="3"/>
      <c r="J5897" s="3"/>
      <c r="K5897" s="3"/>
      <c r="L5897" s="3"/>
    </row>
    <row r="5898" spans="1:12" s="22" customFormat="1" ht="27" customHeight="1" x14ac:dyDescent="0.15">
      <c r="A5898" s="13"/>
      <c r="B5898" s="14"/>
      <c r="C5898" s="13"/>
      <c r="D5898" s="14"/>
      <c r="E5898" s="14"/>
      <c r="F5898" s="16"/>
      <c r="G5898" s="3"/>
      <c r="H5898" s="3"/>
      <c r="I5898" s="3"/>
      <c r="J5898" s="3"/>
      <c r="K5898" s="3"/>
      <c r="L5898" s="3"/>
    </row>
    <row r="5899" spans="1:12" s="22" customFormat="1" ht="27" customHeight="1" x14ac:dyDescent="0.15">
      <c r="A5899" s="13"/>
      <c r="B5899" s="14"/>
      <c r="C5899" s="13"/>
      <c r="D5899" s="14"/>
      <c r="E5899" s="14"/>
      <c r="F5899" s="16"/>
      <c r="G5899" s="3"/>
      <c r="H5899" s="3"/>
      <c r="I5899" s="3"/>
      <c r="J5899" s="3"/>
      <c r="K5899" s="3"/>
      <c r="L5899" s="3"/>
    </row>
    <row r="5900" spans="1:12" s="22" customFormat="1" ht="27" customHeight="1" x14ac:dyDescent="0.15">
      <c r="A5900" s="13"/>
      <c r="B5900" s="14"/>
      <c r="C5900" s="13"/>
      <c r="D5900" s="14"/>
      <c r="E5900" s="14"/>
      <c r="F5900" s="16"/>
      <c r="G5900" s="3"/>
      <c r="H5900" s="3"/>
      <c r="I5900" s="3"/>
      <c r="J5900" s="3"/>
      <c r="K5900" s="3"/>
      <c r="L5900" s="3"/>
    </row>
    <row r="5901" spans="1:12" s="22" customFormat="1" ht="27" customHeight="1" x14ac:dyDescent="0.15">
      <c r="A5901" s="13"/>
      <c r="B5901" s="14"/>
      <c r="C5901" s="13"/>
      <c r="D5901" s="14"/>
      <c r="E5901" s="14"/>
      <c r="F5901" s="16"/>
      <c r="G5901" s="3"/>
      <c r="H5901" s="3"/>
      <c r="I5901" s="3"/>
      <c r="J5901" s="3"/>
      <c r="K5901" s="3"/>
      <c r="L5901" s="3"/>
    </row>
    <row r="5902" spans="1:12" s="22" customFormat="1" ht="27" customHeight="1" x14ac:dyDescent="0.15">
      <c r="A5902" s="13"/>
      <c r="B5902" s="14"/>
      <c r="C5902" s="13"/>
      <c r="D5902" s="14"/>
      <c r="E5902" s="14"/>
      <c r="F5902" s="16"/>
      <c r="G5902" s="3"/>
      <c r="H5902" s="3"/>
      <c r="I5902" s="3"/>
      <c r="J5902" s="3"/>
      <c r="K5902" s="3"/>
      <c r="L5902" s="3"/>
    </row>
    <row r="5903" spans="1:12" s="22" customFormat="1" ht="27" customHeight="1" x14ac:dyDescent="0.15">
      <c r="A5903" s="13"/>
      <c r="B5903" s="14"/>
      <c r="C5903" s="13"/>
      <c r="D5903" s="14"/>
      <c r="E5903" s="14"/>
      <c r="F5903" s="16"/>
      <c r="G5903" s="3"/>
      <c r="H5903" s="3"/>
      <c r="I5903" s="3"/>
      <c r="J5903" s="3"/>
      <c r="K5903" s="3"/>
      <c r="L5903" s="3"/>
    </row>
    <row r="5904" spans="1:12" s="22" customFormat="1" ht="27" customHeight="1" x14ac:dyDescent="0.15">
      <c r="A5904" s="13"/>
      <c r="B5904" s="14"/>
      <c r="C5904" s="13"/>
      <c r="D5904" s="14"/>
      <c r="E5904" s="14"/>
      <c r="F5904" s="16"/>
      <c r="G5904" s="3"/>
      <c r="H5904" s="3"/>
      <c r="I5904" s="3"/>
      <c r="J5904" s="3"/>
      <c r="K5904" s="3"/>
      <c r="L5904" s="3"/>
    </row>
    <row r="5905" spans="1:12" s="22" customFormat="1" ht="27" customHeight="1" x14ac:dyDescent="0.15">
      <c r="A5905" s="13"/>
      <c r="B5905" s="14"/>
      <c r="C5905" s="13"/>
      <c r="D5905" s="14"/>
      <c r="E5905" s="14"/>
      <c r="F5905" s="16"/>
      <c r="G5905" s="3"/>
      <c r="H5905" s="3"/>
      <c r="I5905" s="3"/>
      <c r="J5905" s="3"/>
      <c r="K5905" s="3"/>
      <c r="L5905" s="3"/>
    </row>
    <row r="5906" spans="1:12" s="22" customFormat="1" ht="27" customHeight="1" x14ac:dyDescent="0.15">
      <c r="A5906" s="13"/>
      <c r="B5906" s="14"/>
      <c r="C5906" s="13"/>
      <c r="D5906" s="14"/>
      <c r="E5906" s="14"/>
      <c r="F5906" s="16"/>
      <c r="G5906" s="3"/>
      <c r="H5906" s="3"/>
      <c r="I5906" s="3"/>
      <c r="J5906" s="3"/>
      <c r="K5906" s="3"/>
      <c r="L5906" s="3"/>
    </row>
    <row r="5907" spans="1:12" s="22" customFormat="1" ht="27" customHeight="1" x14ac:dyDescent="0.15">
      <c r="A5907" s="13"/>
      <c r="B5907" s="14"/>
      <c r="C5907" s="13"/>
      <c r="D5907" s="14"/>
      <c r="E5907" s="14"/>
      <c r="F5907" s="16"/>
      <c r="G5907" s="3"/>
      <c r="H5907" s="3"/>
      <c r="I5907" s="3"/>
      <c r="J5907" s="3"/>
      <c r="K5907" s="3"/>
      <c r="L5907" s="3"/>
    </row>
    <row r="5908" spans="1:12" s="22" customFormat="1" ht="27" customHeight="1" x14ac:dyDescent="0.15">
      <c r="A5908" s="13"/>
      <c r="B5908" s="14"/>
      <c r="C5908" s="13"/>
      <c r="D5908" s="14"/>
      <c r="E5908" s="14"/>
      <c r="F5908" s="16"/>
      <c r="G5908" s="3"/>
      <c r="H5908" s="3"/>
      <c r="I5908" s="3"/>
      <c r="J5908" s="3"/>
      <c r="K5908" s="3"/>
      <c r="L5908" s="3"/>
    </row>
    <row r="5909" spans="1:12" s="22" customFormat="1" ht="27" customHeight="1" x14ac:dyDescent="0.15">
      <c r="A5909" s="13"/>
      <c r="B5909" s="14"/>
      <c r="C5909" s="13"/>
      <c r="D5909" s="14"/>
      <c r="E5909" s="14"/>
      <c r="F5909" s="16"/>
      <c r="G5909" s="3"/>
      <c r="H5909" s="3"/>
      <c r="I5909" s="3"/>
      <c r="J5909" s="3"/>
      <c r="K5909" s="3"/>
      <c r="L5909" s="3"/>
    </row>
    <row r="5910" spans="1:12" s="22" customFormat="1" ht="27" customHeight="1" x14ac:dyDescent="0.15">
      <c r="A5910" s="13"/>
      <c r="B5910" s="14"/>
      <c r="C5910" s="13"/>
      <c r="D5910" s="14"/>
      <c r="E5910" s="14"/>
      <c r="F5910" s="16"/>
      <c r="G5910" s="3"/>
      <c r="H5910" s="3"/>
      <c r="I5910" s="3"/>
      <c r="J5910" s="3"/>
      <c r="K5910" s="3"/>
      <c r="L5910" s="3"/>
    </row>
    <row r="5911" spans="1:12" s="22" customFormat="1" ht="27" customHeight="1" x14ac:dyDescent="0.15">
      <c r="A5911" s="13"/>
      <c r="B5911" s="14"/>
      <c r="C5911" s="13"/>
      <c r="D5911" s="14"/>
      <c r="E5911" s="14"/>
      <c r="F5911" s="16"/>
      <c r="G5911" s="3"/>
      <c r="H5911" s="3"/>
      <c r="I5911" s="3"/>
      <c r="J5911" s="3"/>
      <c r="K5911" s="3"/>
      <c r="L5911" s="3"/>
    </row>
    <row r="5912" spans="1:12" s="22" customFormat="1" ht="27" customHeight="1" x14ac:dyDescent="0.15">
      <c r="A5912" s="13"/>
      <c r="B5912" s="14"/>
      <c r="C5912" s="13"/>
      <c r="D5912" s="14"/>
      <c r="E5912" s="14"/>
      <c r="F5912" s="16"/>
      <c r="G5912" s="3"/>
      <c r="H5912" s="3"/>
      <c r="I5912" s="3"/>
      <c r="J5912" s="3"/>
      <c r="K5912" s="3"/>
      <c r="L5912" s="3"/>
    </row>
    <row r="5913" spans="1:12" s="22" customFormat="1" ht="27" customHeight="1" x14ac:dyDescent="0.15">
      <c r="A5913" s="13"/>
      <c r="B5913" s="14"/>
      <c r="C5913" s="13"/>
      <c r="D5913" s="14"/>
      <c r="E5913" s="14"/>
      <c r="F5913" s="16"/>
      <c r="G5913" s="3"/>
      <c r="H5913" s="3"/>
      <c r="I5913" s="3"/>
      <c r="J5913" s="3"/>
      <c r="K5913" s="3"/>
      <c r="L5913" s="3"/>
    </row>
    <row r="5914" spans="1:12" s="22" customFormat="1" ht="27" customHeight="1" x14ac:dyDescent="0.15">
      <c r="A5914" s="13"/>
      <c r="B5914" s="14"/>
      <c r="C5914" s="13"/>
      <c r="D5914" s="14"/>
      <c r="E5914" s="14"/>
      <c r="F5914" s="16"/>
      <c r="G5914" s="3"/>
      <c r="H5914" s="3"/>
      <c r="I5914" s="3"/>
      <c r="J5914" s="3"/>
      <c r="K5914" s="3"/>
      <c r="L5914" s="3"/>
    </row>
    <row r="5915" spans="1:12" s="22" customFormat="1" ht="27" customHeight="1" x14ac:dyDescent="0.15">
      <c r="A5915" s="13"/>
      <c r="B5915" s="14"/>
      <c r="C5915" s="13"/>
      <c r="D5915" s="14"/>
      <c r="E5915" s="14"/>
      <c r="F5915" s="16"/>
      <c r="G5915" s="3"/>
      <c r="H5915" s="3"/>
      <c r="I5915" s="3"/>
      <c r="J5915" s="3"/>
      <c r="K5915" s="3"/>
      <c r="L5915" s="3"/>
    </row>
    <row r="5916" spans="1:12" s="22" customFormat="1" ht="27" customHeight="1" x14ac:dyDescent="0.15">
      <c r="A5916" s="13"/>
      <c r="B5916" s="14"/>
      <c r="C5916" s="13"/>
      <c r="D5916" s="14"/>
      <c r="E5916" s="14"/>
      <c r="F5916" s="16"/>
      <c r="G5916" s="3"/>
      <c r="H5916" s="3"/>
      <c r="I5916" s="3"/>
      <c r="J5916" s="3"/>
      <c r="K5916" s="3"/>
      <c r="L5916" s="3"/>
    </row>
    <row r="5917" spans="1:12" s="22" customFormat="1" ht="27" customHeight="1" x14ac:dyDescent="0.15">
      <c r="A5917" s="13"/>
      <c r="B5917" s="14"/>
      <c r="C5917" s="13"/>
      <c r="D5917" s="14"/>
      <c r="E5917" s="14"/>
      <c r="F5917" s="16"/>
      <c r="G5917" s="3"/>
      <c r="H5917" s="3"/>
      <c r="I5917" s="3"/>
      <c r="J5917" s="3"/>
      <c r="K5917" s="3"/>
      <c r="L5917" s="3"/>
    </row>
    <row r="5918" spans="1:12" s="22" customFormat="1" ht="27" customHeight="1" x14ac:dyDescent="0.15">
      <c r="A5918" s="13"/>
      <c r="B5918" s="14"/>
      <c r="C5918" s="13"/>
      <c r="D5918" s="14"/>
      <c r="E5918" s="14"/>
      <c r="F5918" s="16"/>
      <c r="G5918" s="3"/>
      <c r="H5918" s="3"/>
      <c r="I5918" s="3"/>
      <c r="J5918" s="3"/>
      <c r="K5918" s="3"/>
      <c r="L5918" s="3"/>
    </row>
    <row r="5919" spans="1:12" s="22" customFormat="1" ht="27" customHeight="1" x14ac:dyDescent="0.15">
      <c r="A5919" s="13"/>
      <c r="B5919" s="14"/>
      <c r="C5919" s="13"/>
      <c r="D5919" s="14"/>
      <c r="E5919" s="14"/>
      <c r="F5919" s="16"/>
      <c r="G5919" s="3"/>
      <c r="H5919" s="3"/>
      <c r="I5919" s="3"/>
      <c r="J5919" s="3"/>
      <c r="K5919" s="3"/>
      <c r="L5919" s="3"/>
    </row>
    <row r="5920" spans="1:12" s="22" customFormat="1" ht="27" customHeight="1" x14ac:dyDescent="0.15">
      <c r="A5920" s="13"/>
      <c r="B5920" s="14"/>
      <c r="C5920" s="13"/>
      <c r="D5920" s="14"/>
      <c r="E5920" s="14"/>
      <c r="F5920" s="16"/>
      <c r="G5920" s="3"/>
      <c r="H5920" s="3"/>
      <c r="I5920" s="3"/>
      <c r="J5920" s="3"/>
      <c r="K5920" s="3"/>
      <c r="L5920" s="3"/>
    </row>
    <row r="5921" spans="1:12" s="22" customFormat="1" ht="27" customHeight="1" x14ac:dyDescent="0.15">
      <c r="A5921" s="13"/>
      <c r="B5921" s="14"/>
      <c r="C5921" s="13"/>
      <c r="D5921" s="14"/>
      <c r="E5921" s="14"/>
      <c r="F5921" s="16"/>
      <c r="G5921" s="3"/>
      <c r="H5921" s="3"/>
      <c r="I5921" s="3"/>
      <c r="J5921" s="3"/>
      <c r="K5921" s="3"/>
      <c r="L5921" s="3"/>
    </row>
    <row r="5922" spans="1:12" s="22" customFormat="1" ht="27" customHeight="1" x14ac:dyDescent="0.15">
      <c r="A5922" s="13"/>
      <c r="B5922" s="14"/>
      <c r="C5922" s="13"/>
      <c r="D5922" s="14"/>
      <c r="E5922" s="14"/>
      <c r="F5922" s="16"/>
      <c r="G5922" s="3"/>
      <c r="H5922" s="3"/>
      <c r="I5922" s="3"/>
      <c r="J5922" s="3"/>
      <c r="K5922" s="3"/>
      <c r="L5922" s="3"/>
    </row>
    <row r="5923" spans="1:12" s="22" customFormat="1" ht="27" customHeight="1" x14ac:dyDescent="0.15">
      <c r="A5923" s="13"/>
      <c r="B5923" s="14"/>
      <c r="C5923" s="13"/>
      <c r="D5923" s="14"/>
      <c r="E5923" s="14"/>
      <c r="F5923" s="16"/>
      <c r="G5923" s="3"/>
      <c r="H5923" s="3"/>
      <c r="I5923" s="3"/>
      <c r="J5923" s="3"/>
      <c r="K5923" s="3"/>
      <c r="L5923" s="3"/>
    </row>
    <row r="5924" spans="1:12" s="22" customFormat="1" ht="27" customHeight="1" x14ac:dyDescent="0.15">
      <c r="A5924" s="13"/>
      <c r="B5924" s="14"/>
      <c r="C5924" s="13"/>
      <c r="D5924" s="14"/>
      <c r="E5924" s="14"/>
      <c r="F5924" s="16"/>
      <c r="G5924" s="3"/>
      <c r="H5924" s="3"/>
      <c r="I5924" s="3"/>
      <c r="J5924" s="3"/>
      <c r="K5924" s="3"/>
      <c r="L5924" s="3"/>
    </row>
    <row r="5925" spans="1:12" s="22" customFormat="1" ht="27" customHeight="1" x14ac:dyDescent="0.15">
      <c r="A5925" s="13"/>
      <c r="B5925" s="14"/>
      <c r="C5925" s="13"/>
      <c r="D5925" s="14"/>
      <c r="E5925" s="14"/>
      <c r="F5925" s="16"/>
      <c r="G5925" s="3"/>
      <c r="H5925" s="3"/>
      <c r="I5925" s="3"/>
      <c r="J5925" s="3"/>
      <c r="K5925" s="3"/>
      <c r="L5925" s="3"/>
    </row>
    <row r="5926" spans="1:12" s="22" customFormat="1" ht="27" customHeight="1" x14ac:dyDescent="0.15">
      <c r="A5926" s="13"/>
      <c r="B5926" s="14"/>
      <c r="C5926" s="13"/>
      <c r="D5926" s="14"/>
      <c r="E5926" s="14"/>
      <c r="F5926" s="16"/>
      <c r="G5926" s="3"/>
      <c r="H5926" s="3"/>
      <c r="I5926" s="3"/>
      <c r="J5926" s="3"/>
      <c r="K5926" s="3"/>
      <c r="L5926" s="3"/>
    </row>
    <row r="5927" spans="1:12" s="22" customFormat="1" ht="27" customHeight="1" x14ac:dyDescent="0.15">
      <c r="A5927" s="13"/>
      <c r="B5927" s="14"/>
      <c r="C5927" s="13"/>
      <c r="D5927" s="14"/>
      <c r="E5927" s="14"/>
      <c r="F5927" s="16"/>
      <c r="G5927" s="3"/>
      <c r="H5927" s="3"/>
      <c r="I5927" s="3"/>
      <c r="J5927" s="3"/>
      <c r="K5927" s="3"/>
      <c r="L5927" s="3"/>
    </row>
    <row r="5928" spans="1:12" s="22" customFormat="1" ht="27" customHeight="1" x14ac:dyDescent="0.15">
      <c r="A5928" s="13"/>
      <c r="B5928" s="14"/>
      <c r="C5928" s="13"/>
      <c r="D5928" s="14"/>
      <c r="E5928" s="14"/>
      <c r="F5928" s="16"/>
      <c r="G5928" s="3"/>
      <c r="H5928" s="3"/>
      <c r="I5928" s="3"/>
      <c r="J5928" s="3"/>
      <c r="K5928" s="3"/>
      <c r="L5928" s="3"/>
    </row>
    <row r="5929" spans="1:12" s="22" customFormat="1" ht="27" customHeight="1" x14ac:dyDescent="0.15">
      <c r="A5929" s="13"/>
      <c r="B5929" s="14"/>
      <c r="C5929" s="13"/>
      <c r="D5929" s="14"/>
      <c r="E5929" s="14"/>
      <c r="F5929" s="16"/>
      <c r="G5929" s="3"/>
      <c r="H5929" s="3"/>
      <c r="I5929" s="3"/>
      <c r="J5929" s="3"/>
      <c r="K5929" s="3"/>
      <c r="L5929" s="3"/>
    </row>
    <row r="5930" spans="1:12" s="22" customFormat="1" ht="27" customHeight="1" x14ac:dyDescent="0.15">
      <c r="A5930" s="13"/>
      <c r="B5930" s="14"/>
      <c r="C5930" s="13"/>
      <c r="D5930" s="14"/>
      <c r="E5930" s="14"/>
      <c r="F5930" s="16"/>
      <c r="G5930" s="3"/>
      <c r="H5930" s="3"/>
      <c r="I5930" s="3"/>
      <c r="J5930" s="3"/>
      <c r="K5930" s="3"/>
      <c r="L5930" s="3"/>
    </row>
    <row r="5931" spans="1:12" s="22" customFormat="1" ht="27" customHeight="1" x14ac:dyDescent="0.15">
      <c r="A5931" s="13"/>
      <c r="B5931" s="14"/>
      <c r="C5931" s="13"/>
      <c r="D5931" s="14"/>
      <c r="E5931" s="14"/>
      <c r="F5931" s="16"/>
      <c r="G5931" s="3"/>
      <c r="H5931" s="3"/>
      <c r="I5931" s="3"/>
      <c r="J5931" s="3"/>
      <c r="K5931" s="3"/>
      <c r="L5931" s="3"/>
    </row>
    <row r="5932" spans="1:12" s="22" customFormat="1" ht="27" customHeight="1" x14ac:dyDescent="0.15">
      <c r="A5932" s="13"/>
      <c r="B5932" s="14"/>
      <c r="C5932" s="13"/>
      <c r="D5932" s="14"/>
      <c r="E5932" s="14"/>
      <c r="F5932" s="16"/>
      <c r="G5932" s="3"/>
      <c r="H5932" s="3"/>
      <c r="I5932" s="3"/>
      <c r="J5932" s="3"/>
      <c r="K5932" s="3"/>
      <c r="L5932" s="3"/>
    </row>
    <row r="5933" spans="1:12" s="22" customFormat="1" ht="27" customHeight="1" x14ac:dyDescent="0.15">
      <c r="A5933" s="13"/>
      <c r="B5933" s="14"/>
      <c r="C5933" s="13"/>
      <c r="D5933" s="14"/>
      <c r="E5933" s="14"/>
      <c r="F5933" s="16"/>
      <c r="G5933" s="3"/>
      <c r="H5933" s="3"/>
      <c r="I5933" s="3"/>
      <c r="J5933" s="3"/>
      <c r="K5933" s="3"/>
      <c r="L5933" s="3"/>
    </row>
    <row r="5934" spans="1:12" s="22" customFormat="1" ht="27" customHeight="1" x14ac:dyDescent="0.15">
      <c r="A5934" s="13"/>
      <c r="B5934" s="14"/>
      <c r="C5934" s="13"/>
      <c r="D5934" s="14"/>
      <c r="E5934" s="14"/>
      <c r="F5934" s="16"/>
      <c r="G5934" s="3"/>
      <c r="H5934" s="3"/>
      <c r="I5934" s="3"/>
      <c r="J5934" s="3"/>
      <c r="K5934" s="3"/>
      <c r="L5934" s="3"/>
    </row>
    <row r="5935" spans="1:12" s="22" customFormat="1" ht="27" customHeight="1" x14ac:dyDescent="0.15">
      <c r="A5935" s="13"/>
      <c r="B5935" s="14"/>
      <c r="C5935" s="13"/>
      <c r="D5935" s="14"/>
      <c r="E5935" s="14"/>
      <c r="F5935" s="16"/>
      <c r="G5935" s="3"/>
      <c r="H5935" s="3"/>
      <c r="I5935" s="3"/>
      <c r="J5935" s="3"/>
      <c r="K5935" s="3"/>
      <c r="L5935" s="3"/>
    </row>
    <row r="5936" spans="1:12" s="22" customFormat="1" ht="27" customHeight="1" x14ac:dyDescent="0.15">
      <c r="A5936" s="13"/>
      <c r="B5936" s="14"/>
      <c r="C5936" s="13"/>
      <c r="D5936" s="14"/>
      <c r="E5936" s="14"/>
      <c r="F5936" s="16"/>
      <c r="G5936" s="3"/>
      <c r="H5936" s="3"/>
      <c r="I5936" s="3"/>
      <c r="J5936" s="3"/>
      <c r="K5936" s="3"/>
      <c r="L5936" s="3"/>
    </row>
    <row r="5937" spans="1:12" s="22" customFormat="1" ht="27" customHeight="1" x14ac:dyDescent="0.15">
      <c r="A5937" s="13"/>
      <c r="B5937" s="14"/>
      <c r="C5937" s="13"/>
      <c r="D5937" s="14"/>
      <c r="E5937" s="14"/>
      <c r="F5937" s="16"/>
      <c r="G5937" s="3"/>
      <c r="H5937" s="3"/>
      <c r="I5937" s="3"/>
      <c r="J5937" s="3"/>
      <c r="K5937" s="3"/>
      <c r="L5937" s="3"/>
    </row>
    <row r="5938" spans="1:12" s="22" customFormat="1" ht="27" customHeight="1" x14ac:dyDescent="0.15">
      <c r="A5938" s="13"/>
      <c r="B5938" s="14"/>
      <c r="C5938" s="13"/>
      <c r="D5938" s="14"/>
      <c r="E5938" s="14"/>
      <c r="F5938" s="16"/>
      <c r="G5938" s="3"/>
      <c r="H5938" s="3"/>
      <c r="I5938" s="3"/>
      <c r="J5938" s="3"/>
      <c r="K5938" s="3"/>
      <c r="L5938" s="3"/>
    </row>
    <row r="5939" spans="1:12" s="22" customFormat="1" ht="27" customHeight="1" x14ac:dyDescent="0.15">
      <c r="A5939" s="13"/>
      <c r="B5939" s="14"/>
      <c r="C5939" s="13"/>
      <c r="D5939" s="14"/>
      <c r="E5939" s="14"/>
      <c r="F5939" s="16"/>
      <c r="G5939" s="3"/>
      <c r="H5939" s="3"/>
      <c r="I5939" s="3"/>
      <c r="J5939" s="3"/>
      <c r="K5939" s="3"/>
      <c r="L5939" s="3"/>
    </row>
    <row r="5940" spans="1:12" s="22" customFormat="1" ht="27" customHeight="1" x14ac:dyDescent="0.15">
      <c r="A5940" s="13"/>
      <c r="B5940" s="14"/>
      <c r="C5940" s="13"/>
      <c r="D5940" s="14"/>
      <c r="E5940" s="14"/>
      <c r="F5940" s="16"/>
      <c r="G5940" s="3"/>
      <c r="H5940" s="3"/>
      <c r="I5940" s="3"/>
      <c r="J5940" s="3"/>
      <c r="K5940" s="3"/>
      <c r="L5940" s="3"/>
    </row>
    <row r="5941" spans="1:12" s="22" customFormat="1" ht="27" customHeight="1" x14ac:dyDescent="0.15">
      <c r="A5941" s="13"/>
      <c r="B5941" s="14"/>
      <c r="C5941" s="13"/>
      <c r="D5941" s="14"/>
      <c r="E5941" s="14"/>
      <c r="F5941" s="16"/>
      <c r="G5941" s="3"/>
      <c r="H5941" s="3"/>
      <c r="I5941" s="3"/>
      <c r="J5941" s="3"/>
      <c r="K5941" s="3"/>
      <c r="L5941" s="3"/>
    </row>
    <row r="5942" spans="1:12" s="22" customFormat="1" ht="27" customHeight="1" x14ac:dyDescent="0.15">
      <c r="A5942" s="13"/>
      <c r="B5942" s="14"/>
      <c r="C5942" s="13"/>
      <c r="D5942" s="14"/>
      <c r="E5942" s="14"/>
      <c r="F5942" s="16"/>
      <c r="G5942" s="3"/>
      <c r="H5942" s="3"/>
      <c r="I5942" s="3"/>
      <c r="J5942" s="3"/>
      <c r="K5942" s="3"/>
      <c r="L5942" s="3"/>
    </row>
    <row r="5943" spans="1:12" s="22" customFormat="1" ht="27" customHeight="1" x14ac:dyDescent="0.15">
      <c r="A5943" s="13"/>
      <c r="B5943" s="14"/>
      <c r="C5943" s="13"/>
      <c r="D5943" s="14"/>
      <c r="E5943" s="14"/>
      <c r="F5943" s="16"/>
      <c r="G5943" s="3"/>
      <c r="H5943" s="3"/>
      <c r="I5943" s="3"/>
      <c r="J5943" s="3"/>
      <c r="K5943" s="3"/>
      <c r="L5943" s="3"/>
    </row>
    <row r="5944" spans="1:12" s="22" customFormat="1" ht="27" customHeight="1" x14ac:dyDescent="0.15">
      <c r="A5944" s="13"/>
      <c r="B5944" s="14"/>
      <c r="C5944" s="13"/>
      <c r="D5944" s="14"/>
      <c r="E5944" s="14"/>
      <c r="F5944" s="16"/>
      <c r="G5944" s="3"/>
      <c r="H5944" s="3"/>
      <c r="I5944" s="3"/>
      <c r="J5944" s="3"/>
      <c r="K5944" s="3"/>
      <c r="L5944" s="3"/>
    </row>
    <row r="5945" spans="1:12" s="22" customFormat="1" ht="27" customHeight="1" x14ac:dyDescent="0.15">
      <c r="A5945" s="13"/>
      <c r="B5945" s="14"/>
      <c r="C5945" s="13"/>
      <c r="D5945" s="14"/>
      <c r="E5945" s="14"/>
      <c r="F5945" s="16"/>
      <c r="G5945" s="3"/>
      <c r="H5945" s="3"/>
      <c r="I5945" s="3"/>
      <c r="J5945" s="3"/>
      <c r="K5945" s="3"/>
      <c r="L5945" s="3"/>
    </row>
    <row r="5946" spans="1:12" s="22" customFormat="1" ht="27" customHeight="1" x14ac:dyDescent="0.15">
      <c r="A5946" s="13"/>
      <c r="B5946" s="14"/>
      <c r="C5946" s="13"/>
      <c r="D5946" s="14"/>
      <c r="E5946" s="14"/>
      <c r="F5946" s="16"/>
      <c r="G5946" s="3"/>
      <c r="H5946" s="3"/>
      <c r="I5946" s="3"/>
      <c r="J5946" s="3"/>
      <c r="K5946" s="3"/>
      <c r="L5946" s="3"/>
    </row>
    <row r="5947" spans="1:12" s="22" customFormat="1" ht="27" customHeight="1" x14ac:dyDescent="0.15">
      <c r="A5947" s="13"/>
      <c r="B5947" s="14"/>
      <c r="C5947" s="13"/>
      <c r="D5947" s="14"/>
      <c r="E5947" s="14"/>
      <c r="F5947" s="16"/>
      <c r="G5947" s="3"/>
      <c r="H5947" s="3"/>
      <c r="I5947" s="3"/>
      <c r="J5947" s="3"/>
      <c r="K5947" s="3"/>
      <c r="L5947" s="3"/>
    </row>
    <row r="5948" spans="1:12" s="22" customFormat="1" ht="27" customHeight="1" x14ac:dyDescent="0.15">
      <c r="A5948" s="13"/>
      <c r="B5948" s="14"/>
      <c r="C5948" s="13"/>
      <c r="D5948" s="14"/>
      <c r="E5948" s="14"/>
      <c r="F5948" s="16"/>
      <c r="G5948" s="3"/>
      <c r="H5948" s="3"/>
      <c r="I5948" s="3"/>
      <c r="J5948" s="3"/>
      <c r="K5948" s="3"/>
      <c r="L5948" s="3"/>
    </row>
    <row r="5949" spans="1:12" s="22" customFormat="1" ht="27" customHeight="1" x14ac:dyDescent="0.15">
      <c r="A5949" s="13"/>
      <c r="B5949" s="14"/>
      <c r="C5949" s="13"/>
      <c r="D5949" s="14"/>
      <c r="E5949" s="14"/>
      <c r="F5949" s="16"/>
      <c r="G5949" s="3"/>
      <c r="H5949" s="3"/>
      <c r="I5949" s="3"/>
      <c r="J5949" s="3"/>
      <c r="K5949" s="3"/>
      <c r="L5949" s="3"/>
    </row>
    <row r="5950" spans="1:12" s="22" customFormat="1" ht="27" customHeight="1" x14ac:dyDescent="0.15">
      <c r="A5950" s="13"/>
      <c r="B5950" s="14"/>
      <c r="C5950" s="13"/>
      <c r="D5950" s="14"/>
      <c r="E5950" s="14"/>
      <c r="F5950" s="16"/>
      <c r="G5950" s="3"/>
      <c r="H5950" s="3"/>
      <c r="I5950" s="3"/>
      <c r="J5950" s="3"/>
      <c r="K5950" s="3"/>
      <c r="L5950" s="3"/>
    </row>
    <row r="5951" spans="1:12" s="22" customFormat="1" ht="27" customHeight="1" x14ac:dyDescent="0.15">
      <c r="A5951" s="13"/>
      <c r="B5951" s="14"/>
      <c r="C5951" s="13"/>
      <c r="D5951" s="14"/>
      <c r="E5951" s="14"/>
      <c r="F5951" s="16"/>
      <c r="G5951" s="3"/>
      <c r="H5951" s="3"/>
      <c r="I5951" s="3"/>
      <c r="J5951" s="3"/>
      <c r="K5951" s="3"/>
      <c r="L5951" s="3"/>
    </row>
    <row r="5952" spans="1:12" s="22" customFormat="1" ht="27" customHeight="1" x14ac:dyDescent="0.15">
      <c r="A5952" s="13"/>
      <c r="B5952" s="14"/>
      <c r="C5952" s="13"/>
      <c r="D5952" s="14"/>
      <c r="E5952" s="14"/>
      <c r="F5952" s="16"/>
      <c r="G5952" s="3"/>
      <c r="H5952" s="3"/>
      <c r="I5952" s="3"/>
      <c r="J5952" s="3"/>
      <c r="K5952" s="3"/>
      <c r="L5952" s="3"/>
    </row>
    <row r="5953" spans="1:12" s="22" customFormat="1" ht="27" customHeight="1" x14ac:dyDescent="0.15">
      <c r="A5953" s="13"/>
      <c r="B5953" s="14"/>
      <c r="C5953" s="13"/>
      <c r="D5953" s="14"/>
      <c r="E5953" s="14"/>
      <c r="F5953" s="16"/>
      <c r="G5953" s="3"/>
      <c r="H5953" s="3"/>
      <c r="I5953" s="3"/>
      <c r="J5953" s="3"/>
      <c r="K5953" s="3"/>
      <c r="L5953" s="3"/>
    </row>
    <row r="5954" spans="1:12" s="22" customFormat="1" ht="27" customHeight="1" x14ac:dyDescent="0.15">
      <c r="A5954" s="13"/>
      <c r="B5954" s="14"/>
      <c r="C5954" s="13"/>
      <c r="D5954" s="14"/>
      <c r="E5954" s="14"/>
      <c r="F5954" s="16"/>
      <c r="G5954" s="3"/>
      <c r="H5954" s="3"/>
      <c r="I5954" s="3"/>
      <c r="J5954" s="3"/>
      <c r="K5954" s="3"/>
      <c r="L5954" s="3"/>
    </row>
    <row r="5955" spans="1:12" s="22" customFormat="1" ht="27" customHeight="1" x14ac:dyDescent="0.15">
      <c r="A5955" s="13"/>
      <c r="B5955" s="14"/>
      <c r="C5955" s="13"/>
      <c r="D5955" s="14"/>
      <c r="E5955" s="14"/>
      <c r="F5955" s="16"/>
      <c r="G5955" s="3"/>
      <c r="H5955" s="3"/>
      <c r="I5955" s="3"/>
      <c r="J5955" s="3"/>
      <c r="K5955" s="3"/>
      <c r="L5955" s="3"/>
    </row>
    <row r="5956" spans="1:12" s="22" customFormat="1" ht="27" customHeight="1" x14ac:dyDescent="0.15">
      <c r="A5956" s="13"/>
      <c r="B5956" s="14"/>
      <c r="C5956" s="13"/>
      <c r="D5956" s="14"/>
      <c r="E5956" s="14"/>
      <c r="F5956" s="16"/>
      <c r="G5956" s="3"/>
      <c r="H5956" s="3"/>
      <c r="I5956" s="3"/>
      <c r="J5956" s="3"/>
      <c r="K5956" s="3"/>
      <c r="L5956" s="3"/>
    </row>
    <row r="5957" spans="1:12" s="22" customFormat="1" ht="27" customHeight="1" x14ac:dyDescent="0.15">
      <c r="A5957" s="13"/>
      <c r="B5957" s="14"/>
      <c r="C5957" s="13"/>
      <c r="D5957" s="14"/>
      <c r="E5957" s="14"/>
      <c r="F5957" s="16"/>
      <c r="G5957" s="3"/>
      <c r="H5957" s="3"/>
      <c r="I5957" s="3"/>
      <c r="J5957" s="3"/>
      <c r="K5957" s="3"/>
      <c r="L5957" s="3"/>
    </row>
    <row r="5958" spans="1:12" s="22" customFormat="1" ht="27" customHeight="1" x14ac:dyDescent="0.15">
      <c r="A5958" s="13"/>
      <c r="B5958" s="14"/>
      <c r="C5958" s="13"/>
      <c r="D5958" s="14"/>
      <c r="E5958" s="14"/>
      <c r="F5958" s="16"/>
      <c r="G5958" s="3"/>
      <c r="H5958" s="3"/>
      <c r="I5958" s="3"/>
      <c r="J5958" s="3"/>
      <c r="K5958" s="3"/>
      <c r="L5958" s="3"/>
    </row>
    <row r="5959" spans="1:12" s="22" customFormat="1" ht="27" customHeight="1" x14ac:dyDescent="0.15">
      <c r="A5959" s="13"/>
      <c r="B5959" s="14"/>
      <c r="C5959" s="13"/>
      <c r="D5959" s="14"/>
      <c r="E5959" s="14"/>
      <c r="F5959" s="16"/>
      <c r="G5959" s="3"/>
      <c r="H5959" s="3"/>
      <c r="I5959" s="3"/>
      <c r="J5959" s="3"/>
      <c r="K5959" s="3"/>
      <c r="L5959" s="3"/>
    </row>
    <row r="5960" spans="1:12" s="22" customFormat="1" ht="27" customHeight="1" x14ac:dyDescent="0.15">
      <c r="A5960" s="13"/>
      <c r="B5960" s="14"/>
      <c r="C5960" s="13"/>
      <c r="D5960" s="14"/>
      <c r="E5960" s="14"/>
      <c r="F5960" s="16"/>
      <c r="G5960" s="3"/>
      <c r="H5960" s="3"/>
      <c r="I5960" s="3"/>
      <c r="J5960" s="3"/>
      <c r="K5960" s="3"/>
      <c r="L5960" s="3"/>
    </row>
    <row r="5961" spans="1:12" s="22" customFormat="1" ht="27" customHeight="1" x14ac:dyDescent="0.15">
      <c r="A5961" s="13"/>
      <c r="B5961" s="14"/>
      <c r="C5961" s="13"/>
      <c r="D5961" s="14"/>
      <c r="E5961" s="14"/>
      <c r="F5961" s="16"/>
      <c r="G5961" s="3"/>
      <c r="H5961" s="3"/>
      <c r="I5961" s="3"/>
      <c r="J5961" s="3"/>
      <c r="K5961" s="3"/>
      <c r="L5961" s="3"/>
    </row>
    <row r="5962" spans="1:12" s="22" customFormat="1" ht="27" customHeight="1" x14ac:dyDescent="0.15">
      <c r="A5962" s="13"/>
      <c r="B5962" s="14"/>
      <c r="C5962" s="13"/>
      <c r="D5962" s="14"/>
      <c r="E5962" s="14"/>
      <c r="F5962" s="16"/>
      <c r="G5962" s="3"/>
      <c r="H5962" s="3"/>
      <c r="I5962" s="3"/>
      <c r="J5962" s="3"/>
      <c r="K5962" s="3"/>
      <c r="L5962" s="3"/>
    </row>
    <row r="5963" spans="1:12" s="22" customFormat="1" ht="27" customHeight="1" x14ac:dyDescent="0.15">
      <c r="A5963" s="13"/>
      <c r="B5963" s="14"/>
      <c r="C5963" s="13"/>
      <c r="D5963" s="14"/>
      <c r="E5963" s="14"/>
      <c r="F5963" s="16"/>
      <c r="G5963" s="3"/>
      <c r="H5963" s="3"/>
      <c r="I5963" s="3"/>
      <c r="J5963" s="3"/>
      <c r="K5963" s="3"/>
      <c r="L5963" s="3"/>
    </row>
    <row r="5964" spans="1:12" s="22" customFormat="1" ht="27" customHeight="1" x14ac:dyDescent="0.15">
      <c r="A5964" s="13"/>
      <c r="B5964" s="14"/>
      <c r="C5964" s="13"/>
      <c r="D5964" s="14"/>
      <c r="E5964" s="14"/>
      <c r="F5964" s="16"/>
      <c r="G5964" s="3"/>
      <c r="H5964" s="3"/>
      <c r="I5964" s="3"/>
      <c r="J5964" s="3"/>
      <c r="K5964" s="3"/>
      <c r="L5964" s="3"/>
    </row>
    <row r="5965" spans="1:12" s="22" customFormat="1" ht="27" customHeight="1" x14ac:dyDescent="0.15">
      <c r="A5965" s="13"/>
      <c r="B5965" s="14"/>
      <c r="C5965" s="13"/>
      <c r="D5965" s="14"/>
      <c r="E5965" s="14"/>
      <c r="F5965" s="16"/>
      <c r="G5965" s="3"/>
      <c r="H5965" s="3"/>
      <c r="I5965" s="3"/>
      <c r="J5965" s="3"/>
      <c r="K5965" s="3"/>
      <c r="L5965" s="3"/>
    </row>
    <row r="5966" spans="1:12" s="22" customFormat="1" ht="27" customHeight="1" x14ac:dyDescent="0.15">
      <c r="A5966" s="13"/>
      <c r="B5966" s="14"/>
      <c r="C5966" s="13"/>
      <c r="D5966" s="14"/>
      <c r="E5966" s="14"/>
      <c r="F5966" s="16"/>
      <c r="G5966" s="3"/>
      <c r="H5966" s="3"/>
      <c r="I5966" s="3"/>
      <c r="J5966" s="3"/>
      <c r="K5966" s="3"/>
      <c r="L5966" s="3"/>
    </row>
    <row r="5967" spans="1:12" s="22" customFormat="1" ht="27" customHeight="1" x14ac:dyDescent="0.15">
      <c r="A5967" s="13"/>
      <c r="B5967" s="14"/>
      <c r="C5967" s="13"/>
      <c r="D5967" s="14"/>
      <c r="E5967" s="14"/>
      <c r="F5967" s="16"/>
      <c r="G5967" s="3"/>
      <c r="H5967" s="3"/>
      <c r="I5967" s="3"/>
      <c r="J5967" s="3"/>
      <c r="K5967" s="3"/>
      <c r="L5967" s="3"/>
    </row>
    <row r="5968" spans="1:12" s="22" customFormat="1" ht="27" customHeight="1" x14ac:dyDescent="0.15">
      <c r="A5968" s="13"/>
      <c r="B5968" s="14"/>
      <c r="C5968" s="13"/>
      <c r="D5968" s="14"/>
      <c r="E5968" s="14"/>
      <c r="F5968" s="16"/>
      <c r="G5968" s="3"/>
      <c r="H5968" s="3"/>
      <c r="I5968" s="3"/>
      <c r="J5968" s="3"/>
      <c r="K5968" s="3"/>
      <c r="L5968" s="3"/>
    </row>
    <row r="5969" spans="1:12" s="22" customFormat="1" ht="27" customHeight="1" x14ac:dyDescent="0.15">
      <c r="A5969" s="13"/>
      <c r="B5969" s="14"/>
      <c r="C5969" s="13"/>
      <c r="D5969" s="14"/>
      <c r="E5969" s="14"/>
      <c r="F5969" s="16"/>
      <c r="G5969" s="3"/>
      <c r="H5969" s="3"/>
      <c r="I5969" s="3"/>
      <c r="J5969" s="3"/>
      <c r="K5969" s="3"/>
      <c r="L5969" s="3"/>
    </row>
    <row r="5970" spans="1:12" s="22" customFormat="1" ht="27" customHeight="1" x14ac:dyDescent="0.15">
      <c r="A5970" s="13"/>
      <c r="B5970" s="14"/>
      <c r="C5970" s="13"/>
      <c r="D5970" s="14"/>
      <c r="E5970" s="14"/>
      <c r="F5970" s="16"/>
      <c r="G5970" s="3"/>
      <c r="H5970" s="3"/>
      <c r="I5970" s="3"/>
      <c r="J5970" s="3"/>
      <c r="K5970" s="3"/>
      <c r="L5970" s="3"/>
    </row>
    <row r="5971" spans="1:12" s="22" customFormat="1" ht="27" customHeight="1" x14ac:dyDescent="0.15">
      <c r="A5971" s="13"/>
      <c r="B5971" s="14"/>
      <c r="C5971" s="13"/>
      <c r="D5971" s="14"/>
      <c r="E5971" s="14"/>
      <c r="F5971" s="16"/>
      <c r="G5971" s="3"/>
      <c r="H5971" s="3"/>
      <c r="I5971" s="3"/>
      <c r="J5971" s="3"/>
      <c r="K5971" s="3"/>
      <c r="L5971" s="3"/>
    </row>
    <row r="5972" spans="1:12" s="22" customFormat="1" ht="27" customHeight="1" x14ac:dyDescent="0.15">
      <c r="A5972" s="13"/>
      <c r="B5972" s="14"/>
      <c r="C5972" s="13"/>
      <c r="D5972" s="14"/>
      <c r="E5972" s="14"/>
      <c r="F5972" s="16"/>
      <c r="G5972" s="3"/>
      <c r="H5972" s="3"/>
      <c r="I5972" s="3"/>
      <c r="J5972" s="3"/>
      <c r="K5972" s="3"/>
      <c r="L5972" s="3"/>
    </row>
    <row r="5973" spans="1:12" s="22" customFormat="1" ht="27" customHeight="1" x14ac:dyDescent="0.15">
      <c r="A5973" s="13"/>
      <c r="B5973" s="14"/>
      <c r="C5973" s="13"/>
      <c r="D5973" s="14"/>
      <c r="E5973" s="14"/>
      <c r="F5973" s="16"/>
      <c r="G5973" s="3"/>
      <c r="H5973" s="3"/>
      <c r="I5973" s="3"/>
      <c r="J5973" s="3"/>
      <c r="K5973" s="3"/>
      <c r="L5973" s="3"/>
    </row>
    <row r="5974" spans="1:12" s="22" customFormat="1" ht="27" customHeight="1" x14ac:dyDescent="0.15">
      <c r="A5974" s="13"/>
      <c r="B5974" s="14"/>
      <c r="C5974" s="13"/>
      <c r="D5974" s="14"/>
      <c r="E5974" s="14"/>
      <c r="F5974" s="16"/>
      <c r="G5974" s="3"/>
      <c r="H5974" s="3"/>
      <c r="I5974" s="3"/>
      <c r="J5974" s="3"/>
      <c r="K5974" s="3"/>
      <c r="L5974" s="3"/>
    </row>
    <row r="5975" spans="1:12" s="22" customFormat="1" ht="27" customHeight="1" x14ac:dyDescent="0.15">
      <c r="A5975" s="13"/>
      <c r="B5975" s="14"/>
      <c r="C5975" s="13"/>
      <c r="D5975" s="14"/>
      <c r="E5975" s="14"/>
      <c r="F5975" s="16"/>
      <c r="G5975" s="3"/>
      <c r="H5975" s="3"/>
      <c r="I5975" s="3"/>
      <c r="J5975" s="3"/>
      <c r="K5975" s="3"/>
      <c r="L5975" s="3"/>
    </row>
    <row r="5976" spans="1:12" s="22" customFormat="1" ht="27" customHeight="1" x14ac:dyDescent="0.15">
      <c r="A5976" s="13"/>
      <c r="B5976" s="14"/>
      <c r="C5976" s="13"/>
      <c r="D5976" s="14"/>
      <c r="E5976" s="14"/>
      <c r="F5976" s="16"/>
      <c r="G5976" s="3"/>
      <c r="H5976" s="3"/>
      <c r="I5976" s="3"/>
      <c r="J5976" s="3"/>
      <c r="K5976" s="3"/>
      <c r="L5976" s="3"/>
    </row>
    <row r="5977" spans="1:12" s="22" customFormat="1" ht="27" customHeight="1" x14ac:dyDescent="0.15">
      <c r="A5977" s="13"/>
      <c r="B5977" s="14"/>
      <c r="C5977" s="13"/>
      <c r="D5977" s="14"/>
      <c r="E5977" s="14"/>
      <c r="F5977" s="16"/>
      <c r="G5977" s="3"/>
      <c r="H5977" s="3"/>
      <c r="I5977" s="3"/>
      <c r="J5977" s="3"/>
      <c r="K5977" s="3"/>
      <c r="L5977" s="3"/>
    </row>
    <row r="5978" spans="1:12" s="22" customFormat="1" ht="27" customHeight="1" x14ac:dyDescent="0.15">
      <c r="A5978" s="13"/>
      <c r="B5978" s="14"/>
      <c r="C5978" s="13"/>
      <c r="D5978" s="14"/>
      <c r="E5978" s="14"/>
      <c r="F5978" s="16"/>
      <c r="G5978" s="3"/>
      <c r="H5978" s="3"/>
      <c r="I5978" s="3"/>
      <c r="J5978" s="3"/>
      <c r="K5978" s="3"/>
      <c r="L5978" s="3"/>
    </row>
    <row r="5979" spans="1:12" s="22" customFormat="1" ht="27" customHeight="1" x14ac:dyDescent="0.15">
      <c r="A5979" s="13"/>
      <c r="B5979" s="14"/>
      <c r="C5979" s="13"/>
      <c r="D5979" s="14"/>
      <c r="E5979" s="14"/>
      <c r="F5979" s="16"/>
      <c r="G5979" s="3"/>
      <c r="H5979" s="3"/>
      <c r="I5979" s="3"/>
      <c r="J5979" s="3"/>
      <c r="K5979" s="3"/>
      <c r="L5979" s="3"/>
    </row>
    <row r="5980" spans="1:12" s="22" customFormat="1" ht="27" customHeight="1" x14ac:dyDescent="0.15">
      <c r="A5980" s="13"/>
      <c r="B5980" s="14"/>
      <c r="C5980" s="13"/>
      <c r="D5980" s="14"/>
      <c r="E5980" s="14"/>
      <c r="F5980" s="16"/>
      <c r="G5980" s="3"/>
      <c r="H5980" s="3"/>
      <c r="I5980" s="3"/>
      <c r="J5980" s="3"/>
      <c r="K5980" s="3"/>
      <c r="L5980" s="3"/>
    </row>
    <row r="5981" spans="1:12" s="22" customFormat="1" ht="27" customHeight="1" x14ac:dyDescent="0.15">
      <c r="A5981" s="13"/>
      <c r="B5981" s="14"/>
      <c r="C5981" s="13"/>
      <c r="D5981" s="14"/>
      <c r="E5981" s="14"/>
      <c r="F5981" s="16"/>
      <c r="G5981" s="3"/>
      <c r="H5981" s="3"/>
      <c r="I5981" s="3"/>
      <c r="J5981" s="3"/>
      <c r="K5981" s="3"/>
      <c r="L5981" s="3"/>
    </row>
    <row r="5982" spans="1:12" s="22" customFormat="1" ht="27" customHeight="1" x14ac:dyDescent="0.15">
      <c r="A5982" s="13"/>
      <c r="B5982" s="14"/>
      <c r="C5982" s="13"/>
      <c r="D5982" s="14"/>
      <c r="E5982" s="14"/>
      <c r="F5982" s="16"/>
      <c r="G5982" s="3"/>
      <c r="H5982" s="3"/>
      <c r="I5982" s="3"/>
      <c r="J5982" s="3"/>
      <c r="K5982" s="3"/>
      <c r="L5982" s="3"/>
    </row>
    <row r="5983" spans="1:12" s="22" customFormat="1" ht="27" customHeight="1" x14ac:dyDescent="0.15">
      <c r="A5983" s="13"/>
      <c r="B5983" s="14"/>
      <c r="C5983" s="13"/>
      <c r="D5983" s="14"/>
      <c r="E5983" s="14"/>
      <c r="F5983" s="16"/>
      <c r="G5983" s="3"/>
      <c r="H5983" s="3"/>
      <c r="I5983" s="3"/>
      <c r="J5983" s="3"/>
      <c r="K5983" s="3"/>
      <c r="L5983" s="3"/>
    </row>
    <row r="5984" spans="1:12" s="22" customFormat="1" ht="27" customHeight="1" x14ac:dyDescent="0.15">
      <c r="A5984" s="13"/>
      <c r="B5984" s="14"/>
      <c r="C5984" s="13"/>
      <c r="D5984" s="14"/>
      <c r="E5984" s="14"/>
      <c r="F5984" s="16"/>
      <c r="G5984" s="3"/>
      <c r="H5984" s="3"/>
      <c r="I5984" s="3"/>
      <c r="J5984" s="3"/>
      <c r="K5984" s="3"/>
      <c r="L5984" s="3"/>
    </row>
    <row r="5985" spans="1:12" s="22" customFormat="1" ht="27" customHeight="1" x14ac:dyDescent="0.15">
      <c r="A5985" s="13"/>
      <c r="B5985" s="14"/>
      <c r="C5985" s="13"/>
      <c r="D5985" s="14"/>
      <c r="E5985" s="14"/>
      <c r="F5985" s="16"/>
      <c r="G5985" s="3"/>
      <c r="H5985" s="3"/>
      <c r="I5985" s="3"/>
      <c r="J5985" s="3"/>
      <c r="K5985" s="3"/>
      <c r="L5985" s="3"/>
    </row>
    <row r="5986" spans="1:12" s="22" customFormat="1" ht="27" customHeight="1" x14ac:dyDescent="0.15">
      <c r="A5986" s="13"/>
      <c r="B5986" s="14"/>
      <c r="C5986" s="13"/>
      <c r="D5986" s="14"/>
      <c r="E5986" s="14"/>
      <c r="F5986" s="16"/>
      <c r="G5986" s="3"/>
      <c r="H5986" s="3"/>
      <c r="I5986" s="3"/>
      <c r="J5986" s="3"/>
      <c r="K5986" s="3"/>
      <c r="L5986" s="3"/>
    </row>
    <row r="5987" spans="1:12" s="22" customFormat="1" ht="27" customHeight="1" x14ac:dyDescent="0.15">
      <c r="A5987" s="13"/>
      <c r="B5987" s="14"/>
      <c r="C5987" s="13"/>
      <c r="D5987" s="14"/>
      <c r="E5987" s="14"/>
      <c r="F5987" s="16"/>
      <c r="G5987" s="3"/>
      <c r="H5987" s="3"/>
      <c r="I5987" s="3"/>
      <c r="J5987" s="3"/>
      <c r="K5987" s="3"/>
      <c r="L5987" s="3"/>
    </row>
    <row r="5988" spans="1:12" s="22" customFormat="1" ht="27" customHeight="1" x14ac:dyDescent="0.15">
      <c r="A5988" s="13"/>
      <c r="B5988" s="14"/>
      <c r="C5988" s="13"/>
      <c r="D5988" s="14"/>
      <c r="E5988" s="14"/>
      <c r="F5988" s="16"/>
      <c r="G5988" s="3"/>
      <c r="H5988" s="3"/>
      <c r="I5988" s="3"/>
      <c r="J5988" s="3"/>
      <c r="K5988" s="3"/>
      <c r="L5988" s="3"/>
    </row>
    <row r="5989" spans="1:12" s="22" customFormat="1" ht="27" customHeight="1" x14ac:dyDescent="0.15">
      <c r="A5989" s="13"/>
      <c r="B5989" s="14"/>
      <c r="C5989" s="13"/>
      <c r="D5989" s="14"/>
      <c r="E5989" s="14"/>
      <c r="F5989" s="16"/>
      <c r="G5989" s="3"/>
      <c r="H5989" s="3"/>
      <c r="I5989" s="3"/>
      <c r="J5989" s="3"/>
      <c r="K5989" s="3"/>
      <c r="L5989" s="3"/>
    </row>
    <row r="5990" spans="1:12" s="22" customFormat="1" ht="27" customHeight="1" x14ac:dyDescent="0.15">
      <c r="A5990" s="13"/>
      <c r="B5990" s="14"/>
      <c r="C5990" s="13"/>
      <c r="D5990" s="14"/>
      <c r="E5990" s="14"/>
      <c r="F5990" s="16"/>
      <c r="G5990" s="3"/>
      <c r="H5990" s="3"/>
      <c r="I5990" s="3"/>
      <c r="J5990" s="3"/>
      <c r="K5990" s="3"/>
      <c r="L5990" s="3"/>
    </row>
    <row r="5991" spans="1:12" s="22" customFormat="1" ht="27" customHeight="1" x14ac:dyDescent="0.15">
      <c r="A5991" s="13"/>
      <c r="B5991" s="14"/>
      <c r="C5991" s="13"/>
      <c r="D5991" s="14"/>
      <c r="E5991" s="14"/>
      <c r="F5991" s="16"/>
      <c r="G5991" s="3"/>
      <c r="H5991" s="3"/>
      <c r="I5991" s="3"/>
      <c r="J5991" s="3"/>
      <c r="K5991" s="3"/>
      <c r="L5991" s="3"/>
    </row>
    <row r="5992" spans="1:12" s="22" customFormat="1" ht="27" customHeight="1" x14ac:dyDescent="0.15">
      <c r="A5992" s="13"/>
      <c r="B5992" s="14"/>
      <c r="C5992" s="13"/>
      <c r="D5992" s="14"/>
      <c r="E5992" s="14"/>
      <c r="F5992" s="16"/>
      <c r="G5992" s="3"/>
      <c r="H5992" s="3"/>
      <c r="I5992" s="3"/>
      <c r="J5992" s="3"/>
      <c r="K5992" s="3"/>
      <c r="L5992" s="3"/>
    </row>
    <row r="5993" spans="1:12" s="22" customFormat="1" ht="27" customHeight="1" x14ac:dyDescent="0.15">
      <c r="A5993" s="13"/>
      <c r="B5993" s="14"/>
      <c r="C5993" s="13"/>
      <c r="D5993" s="14"/>
      <c r="E5993" s="14"/>
      <c r="F5993" s="16"/>
      <c r="G5993" s="3"/>
      <c r="H5993" s="3"/>
      <c r="I5993" s="3"/>
      <c r="J5993" s="3"/>
      <c r="K5993" s="3"/>
      <c r="L5993" s="3"/>
    </row>
    <row r="5994" spans="1:12" s="22" customFormat="1" ht="27" customHeight="1" x14ac:dyDescent="0.15">
      <c r="A5994" s="13"/>
      <c r="B5994" s="14"/>
      <c r="C5994" s="13"/>
      <c r="D5994" s="14"/>
      <c r="E5994" s="14"/>
      <c r="F5994" s="16"/>
      <c r="G5994" s="3"/>
      <c r="H5994" s="3"/>
      <c r="I5994" s="3"/>
      <c r="J5994" s="3"/>
      <c r="K5994" s="3"/>
      <c r="L5994" s="3"/>
    </row>
    <row r="5995" spans="1:12" s="22" customFormat="1" ht="27" customHeight="1" x14ac:dyDescent="0.15">
      <c r="A5995" s="13"/>
      <c r="B5995" s="14"/>
      <c r="C5995" s="13"/>
      <c r="D5995" s="14"/>
      <c r="E5995" s="14"/>
      <c r="F5995" s="16"/>
      <c r="G5995" s="3"/>
      <c r="H5995" s="3"/>
      <c r="I5995" s="3"/>
      <c r="J5995" s="3"/>
      <c r="K5995" s="3"/>
      <c r="L5995" s="3"/>
    </row>
    <row r="5996" spans="1:12" s="22" customFormat="1" ht="27" customHeight="1" x14ac:dyDescent="0.15">
      <c r="A5996" s="13"/>
      <c r="B5996" s="14"/>
      <c r="C5996" s="13"/>
      <c r="D5996" s="14"/>
      <c r="E5996" s="14"/>
      <c r="F5996" s="16"/>
      <c r="G5996" s="3"/>
      <c r="H5996" s="3"/>
      <c r="I5996" s="3"/>
      <c r="J5996" s="3"/>
      <c r="K5996" s="3"/>
      <c r="L5996" s="3"/>
    </row>
    <row r="5997" spans="1:12" s="22" customFormat="1" ht="27" customHeight="1" x14ac:dyDescent="0.15">
      <c r="A5997" s="13"/>
      <c r="B5997" s="14"/>
      <c r="C5997" s="13"/>
      <c r="D5997" s="14"/>
      <c r="E5997" s="14"/>
      <c r="F5997" s="16"/>
      <c r="G5997" s="3"/>
      <c r="H5997" s="3"/>
      <c r="I5997" s="3"/>
      <c r="J5997" s="3"/>
      <c r="K5997" s="3"/>
      <c r="L5997" s="3"/>
    </row>
    <row r="5998" spans="1:12" s="22" customFormat="1" ht="27" customHeight="1" x14ac:dyDescent="0.15">
      <c r="A5998" s="13"/>
      <c r="B5998" s="14"/>
      <c r="C5998" s="13"/>
      <c r="D5998" s="14"/>
      <c r="E5998" s="14"/>
      <c r="F5998" s="16"/>
      <c r="G5998" s="3"/>
      <c r="H5998" s="3"/>
      <c r="I5998" s="3"/>
      <c r="J5998" s="3"/>
      <c r="K5998" s="3"/>
      <c r="L5998" s="3"/>
    </row>
    <row r="5999" spans="1:12" s="22" customFormat="1" ht="27" customHeight="1" x14ac:dyDescent="0.15">
      <c r="A5999" s="13"/>
      <c r="B5999" s="14"/>
      <c r="C5999" s="13"/>
      <c r="D5999" s="14"/>
      <c r="E5999" s="14"/>
      <c r="F5999" s="16"/>
      <c r="G5999" s="3"/>
      <c r="H5999" s="3"/>
      <c r="I5999" s="3"/>
      <c r="J5999" s="3"/>
      <c r="K5999" s="3"/>
      <c r="L5999" s="3"/>
    </row>
    <row r="6000" spans="1:12" s="22" customFormat="1" ht="27" customHeight="1" x14ac:dyDescent="0.15">
      <c r="A6000" s="13"/>
      <c r="B6000" s="14"/>
      <c r="C6000" s="13"/>
      <c r="D6000" s="14"/>
      <c r="E6000" s="14"/>
      <c r="F6000" s="16"/>
      <c r="G6000" s="3"/>
      <c r="H6000" s="3"/>
      <c r="I6000" s="3"/>
      <c r="J6000" s="3"/>
      <c r="K6000" s="3"/>
      <c r="L6000" s="3"/>
    </row>
    <row r="6001" spans="1:12" s="22" customFormat="1" ht="27" customHeight="1" x14ac:dyDescent="0.15">
      <c r="A6001" s="13"/>
      <c r="B6001" s="14"/>
      <c r="C6001" s="13"/>
      <c r="D6001" s="14"/>
      <c r="E6001" s="14"/>
      <c r="F6001" s="16"/>
      <c r="G6001" s="3"/>
      <c r="H6001" s="3"/>
      <c r="I6001" s="3"/>
      <c r="J6001" s="3"/>
      <c r="K6001" s="3"/>
      <c r="L6001" s="3"/>
    </row>
    <row r="6002" spans="1:12" s="22" customFormat="1" ht="27" customHeight="1" x14ac:dyDescent="0.15">
      <c r="A6002" s="13"/>
      <c r="B6002" s="14"/>
      <c r="C6002" s="13"/>
      <c r="D6002" s="14"/>
      <c r="E6002" s="14"/>
      <c r="F6002" s="16"/>
      <c r="G6002" s="3"/>
      <c r="H6002" s="3"/>
      <c r="I6002" s="3"/>
      <c r="J6002" s="3"/>
      <c r="K6002" s="3"/>
      <c r="L6002" s="3"/>
    </row>
    <row r="6003" spans="1:12" s="22" customFormat="1" ht="27" customHeight="1" x14ac:dyDescent="0.15">
      <c r="A6003" s="13"/>
      <c r="B6003" s="14"/>
      <c r="C6003" s="13"/>
      <c r="D6003" s="14"/>
      <c r="E6003" s="14"/>
      <c r="F6003" s="16"/>
      <c r="G6003" s="3"/>
      <c r="H6003" s="3"/>
      <c r="I6003" s="3"/>
      <c r="J6003" s="3"/>
      <c r="K6003" s="3"/>
      <c r="L6003" s="3"/>
    </row>
    <row r="6004" spans="1:12" s="22" customFormat="1" ht="27" customHeight="1" x14ac:dyDescent="0.15">
      <c r="A6004" s="13"/>
      <c r="B6004" s="14"/>
      <c r="C6004" s="13"/>
      <c r="D6004" s="14"/>
      <c r="E6004" s="14"/>
      <c r="F6004" s="16"/>
      <c r="G6004" s="3"/>
      <c r="H6004" s="3"/>
      <c r="I6004" s="3"/>
      <c r="J6004" s="3"/>
      <c r="K6004" s="3"/>
      <c r="L6004" s="3"/>
    </row>
    <row r="6005" spans="1:12" s="22" customFormat="1" ht="27" customHeight="1" x14ac:dyDescent="0.15">
      <c r="A6005" s="13"/>
      <c r="B6005" s="14"/>
      <c r="C6005" s="13"/>
      <c r="D6005" s="14"/>
      <c r="E6005" s="14"/>
      <c r="F6005" s="16"/>
      <c r="G6005" s="3"/>
      <c r="H6005" s="3"/>
      <c r="I6005" s="3"/>
      <c r="J6005" s="3"/>
      <c r="K6005" s="3"/>
      <c r="L6005" s="3"/>
    </row>
    <row r="6006" spans="1:12" s="22" customFormat="1" ht="27" customHeight="1" x14ac:dyDescent="0.15">
      <c r="A6006" s="13"/>
      <c r="B6006" s="14"/>
      <c r="C6006" s="13"/>
      <c r="D6006" s="14"/>
      <c r="E6006" s="14"/>
      <c r="F6006" s="16"/>
      <c r="G6006" s="3"/>
      <c r="H6006" s="3"/>
      <c r="I6006" s="3"/>
      <c r="J6006" s="3"/>
      <c r="K6006" s="3"/>
      <c r="L6006" s="3"/>
    </row>
    <row r="6007" spans="1:12" s="22" customFormat="1" ht="27" customHeight="1" x14ac:dyDescent="0.15">
      <c r="A6007" s="13"/>
      <c r="B6007" s="14"/>
      <c r="C6007" s="13"/>
      <c r="D6007" s="14"/>
      <c r="E6007" s="14"/>
      <c r="F6007" s="16"/>
      <c r="G6007" s="3"/>
      <c r="H6007" s="3"/>
      <c r="I6007" s="3"/>
      <c r="J6007" s="3"/>
      <c r="K6007" s="3"/>
      <c r="L6007" s="3"/>
    </row>
    <row r="6008" spans="1:12" s="22" customFormat="1" ht="27" customHeight="1" x14ac:dyDescent="0.15">
      <c r="A6008" s="13"/>
      <c r="B6008" s="14"/>
      <c r="C6008" s="13"/>
      <c r="D6008" s="14"/>
      <c r="E6008" s="14"/>
      <c r="F6008" s="16"/>
      <c r="G6008" s="3"/>
      <c r="H6008" s="3"/>
      <c r="I6008" s="3"/>
      <c r="J6008" s="3"/>
      <c r="K6008" s="3"/>
      <c r="L6008" s="3"/>
    </row>
    <row r="6009" spans="1:12" s="22" customFormat="1" ht="27" customHeight="1" x14ac:dyDescent="0.15">
      <c r="A6009" s="13"/>
      <c r="B6009" s="14"/>
      <c r="C6009" s="13"/>
      <c r="D6009" s="14"/>
      <c r="E6009" s="14"/>
      <c r="F6009" s="16"/>
      <c r="G6009" s="3"/>
      <c r="H6009" s="3"/>
      <c r="I6009" s="3"/>
      <c r="J6009" s="3"/>
      <c r="K6009" s="3"/>
      <c r="L6009" s="3"/>
    </row>
    <row r="6010" spans="1:12" s="22" customFormat="1" ht="27" customHeight="1" x14ac:dyDescent="0.15">
      <c r="A6010" s="13"/>
      <c r="B6010" s="14"/>
      <c r="C6010" s="13"/>
      <c r="D6010" s="14"/>
      <c r="E6010" s="14"/>
      <c r="F6010" s="16"/>
      <c r="G6010" s="3"/>
      <c r="H6010" s="3"/>
      <c r="I6010" s="3"/>
      <c r="J6010" s="3"/>
      <c r="K6010" s="3"/>
      <c r="L6010" s="3"/>
    </row>
    <row r="6011" spans="1:12" s="22" customFormat="1" ht="27" customHeight="1" x14ac:dyDescent="0.15">
      <c r="A6011" s="13"/>
      <c r="B6011" s="14"/>
      <c r="C6011" s="13"/>
      <c r="D6011" s="14"/>
      <c r="E6011" s="14"/>
      <c r="F6011" s="16"/>
      <c r="G6011" s="3"/>
      <c r="H6011" s="3"/>
      <c r="I6011" s="3"/>
      <c r="J6011" s="3"/>
      <c r="K6011" s="3"/>
      <c r="L6011" s="3"/>
    </row>
    <row r="6012" spans="1:12" s="22" customFormat="1" ht="27" customHeight="1" x14ac:dyDescent="0.15">
      <c r="A6012" s="13"/>
      <c r="B6012" s="14"/>
      <c r="C6012" s="13"/>
      <c r="D6012" s="14"/>
      <c r="E6012" s="14"/>
      <c r="F6012" s="16"/>
      <c r="G6012" s="3"/>
      <c r="H6012" s="3"/>
      <c r="I6012" s="3"/>
      <c r="J6012" s="3"/>
      <c r="K6012" s="3"/>
      <c r="L6012" s="3"/>
    </row>
    <row r="6013" spans="1:12" s="22" customFormat="1" ht="27" customHeight="1" x14ac:dyDescent="0.15">
      <c r="A6013" s="13"/>
      <c r="B6013" s="14"/>
      <c r="C6013" s="13"/>
      <c r="D6013" s="14"/>
      <c r="E6013" s="14"/>
      <c r="F6013" s="16"/>
      <c r="G6013" s="3"/>
      <c r="H6013" s="3"/>
      <c r="I6013" s="3"/>
      <c r="J6013" s="3"/>
      <c r="K6013" s="3"/>
      <c r="L6013" s="3"/>
    </row>
    <row r="6014" spans="1:12" s="22" customFormat="1" ht="27" customHeight="1" x14ac:dyDescent="0.15">
      <c r="A6014" s="13"/>
      <c r="B6014" s="14"/>
      <c r="C6014" s="13"/>
      <c r="D6014" s="14"/>
      <c r="E6014" s="14"/>
      <c r="F6014" s="16"/>
      <c r="G6014" s="3"/>
      <c r="H6014" s="3"/>
      <c r="I6014" s="3"/>
      <c r="J6014" s="3"/>
      <c r="K6014" s="3"/>
      <c r="L6014" s="3"/>
    </row>
    <row r="6015" spans="1:12" s="22" customFormat="1" ht="27" customHeight="1" x14ac:dyDescent="0.15">
      <c r="A6015" s="13"/>
      <c r="B6015" s="14"/>
      <c r="C6015" s="13"/>
      <c r="D6015" s="14"/>
      <c r="E6015" s="14"/>
      <c r="F6015" s="16"/>
      <c r="G6015" s="3"/>
      <c r="H6015" s="3"/>
      <c r="I6015" s="3"/>
      <c r="J6015" s="3"/>
      <c r="K6015" s="3"/>
      <c r="L6015" s="3"/>
    </row>
    <row r="6016" spans="1:12" s="22" customFormat="1" ht="27" customHeight="1" x14ac:dyDescent="0.15">
      <c r="A6016" s="13"/>
      <c r="B6016" s="14"/>
      <c r="C6016" s="13"/>
      <c r="D6016" s="14"/>
      <c r="E6016" s="14"/>
      <c r="F6016" s="16"/>
      <c r="G6016" s="3"/>
      <c r="H6016" s="3"/>
      <c r="I6016" s="3"/>
      <c r="J6016" s="3"/>
      <c r="K6016" s="3"/>
      <c r="L6016" s="3"/>
    </row>
    <row r="6017" spans="1:12" s="22" customFormat="1" ht="27" customHeight="1" x14ac:dyDescent="0.15">
      <c r="A6017" s="13"/>
      <c r="B6017" s="14"/>
      <c r="C6017" s="13"/>
      <c r="D6017" s="14"/>
      <c r="E6017" s="14"/>
      <c r="F6017" s="16"/>
      <c r="G6017" s="3"/>
      <c r="H6017" s="3"/>
      <c r="I6017" s="3"/>
      <c r="J6017" s="3"/>
      <c r="K6017" s="3"/>
      <c r="L6017" s="3"/>
    </row>
    <row r="6018" spans="1:12" s="22" customFormat="1" ht="27" customHeight="1" x14ac:dyDescent="0.15">
      <c r="A6018" s="13"/>
      <c r="B6018" s="14"/>
      <c r="C6018" s="13"/>
      <c r="D6018" s="14"/>
      <c r="E6018" s="14"/>
      <c r="F6018" s="16"/>
      <c r="G6018" s="3"/>
      <c r="H6018" s="3"/>
      <c r="I6018" s="3"/>
      <c r="J6018" s="3"/>
      <c r="K6018" s="3"/>
      <c r="L6018" s="3"/>
    </row>
    <row r="6019" spans="1:12" s="22" customFormat="1" ht="27" customHeight="1" x14ac:dyDescent="0.15">
      <c r="A6019" s="13"/>
      <c r="B6019" s="14"/>
      <c r="C6019" s="13"/>
      <c r="D6019" s="14"/>
      <c r="E6019" s="14"/>
      <c r="F6019" s="16"/>
      <c r="G6019" s="3"/>
      <c r="H6019" s="3"/>
      <c r="I6019" s="3"/>
      <c r="J6019" s="3"/>
      <c r="K6019" s="3"/>
      <c r="L6019" s="3"/>
    </row>
    <row r="6020" spans="1:12" s="22" customFormat="1" ht="27" customHeight="1" x14ac:dyDescent="0.15">
      <c r="A6020" s="13"/>
      <c r="B6020" s="14"/>
      <c r="C6020" s="13"/>
      <c r="D6020" s="14"/>
      <c r="E6020" s="14"/>
      <c r="F6020" s="16"/>
      <c r="G6020" s="3"/>
      <c r="H6020" s="3"/>
      <c r="I6020" s="3"/>
      <c r="J6020" s="3"/>
      <c r="K6020" s="3"/>
      <c r="L6020" s="3"/>
    </row>
    <row r="6021" spans="1:12" s="22" customFormat="1" ht="27" customHeight="1" x14ac:dyDescent="0.15">
      <c r="A6021" s="13"/>
      <c r="B6021" s="14"/>
      <c r="C6021" s="13"/>
      <c r="D6021" s="14"/>
      <c r="E6021" s="14"/>
      <c r="F6021" s="16"/>
      <c r="G6021" s="3"/>
      <c r="H6021" s="3"/>
      <c r="I6021" s="3"/>
      <c r="J6021" s="3"/>
      <c r="K6021" s="3"/>
      <c r="L6021" s="3"/>
    </row>
    <row r="6022" spans="1:12" s="22" customFormat="1" ht="27" customHeight="1" x14ac:dyDescent="0.15">
      <c r="A6022" s="13"/>
      <c r="B6022" s="14"/>
      <c r="C6022" s="13"/>
      <c r="D6022" s="14"/>
      <c r="E6022" s="14"/>
      <c r="F6022" s="16"/>
      <c r="G6022" s="3"/>
      <c r="H6022" s="3"/>
      <c r="I6022" s="3"/>
      <c r="J6022" s="3"/>
      <c r="K6022" s="3"/>
      <c r="L6022" s="3"/>
    </row>
    <row r="6023" spans="1:12" s="22" customFormat="1" ht="27" customHeight="1" x14ac:dyDescent="0.15">
      <c r="A6023" s="13"/>
      <c r="B6023" s="14"/>
      <c r="C6023" s="13"/>
      <c r="D6023" s="14"/>
      <c r="E6023" s="14"/>
      <c r="F6023" s="16"/>
      <c r="G6023" s="3"/>
      <c r="H6023" s="3"/>
      <c r="I6023" s="3"/>
      <c r="J6023" s="3"/>
      <c r="K6023" s="3"/>
      <c r="L6023" s="3"/>
    </row>
    <row r="6024" spans="1:12" s="22" customFormat="1" ht="27" customHeight="1" x14ac:dyDescent="0.15">
      <c r="A6024" s="13"/>
      <c r="B6024" s="14"/>
      <c r="C6024" s="13"/>
      <c r="D6024" s="14"/>
      <c r="E6024" s="14"/>
      <c r="F6024" s="16"/>
      <c r="G6024" s="3"/>
      <c r="H6024" s="3"/>
      <c r="I6024" s="3"/>
      <c r="J6024" s="3"/>
      <c r="K6024" s="3"/>
      <c r="L6024" s="3"/>
    </row>
    <row r="6025" spans="1:12" s="22" customFormat="1" ht="27" customHeight="1" x14ac:dyDescent="0.15">
      <c r="A6025" s="13"/>
      <c r="B6025" s="14"/>
      <c r="C6025" s="13"/>
      <c r="D6025" s="14"/>
      <c r="E6025" s="14"/>
      <c r="F6025" s="16"/>
      <c r="G6025" s="3"/>
      <c r="H6025" s="3"/>
      <c r="I6025" s="3"/>
      <c r="J6025" s="3"/>
      <c r="K6025" s="3"/>
      <c r="L6025" s="3"/>
    </row>
    <row r="6026" spans="1:12" s="22" customFormat="1" ht="27" customHeight="1" x14ac:dyDescent="0.15">
      <c r="A6026" s="13"/>
      <c r="B6026" s="14"/>
      <c r="C6026" s="13"/>
      <c r="D6026" s="14"/>
      <c r="E6026" s="14"/>
      <c r="F6026" s="16"/>
      <c r="G6026" s="3"/>
      <c r="H6026" s="3"/>
      <c r="I6026" s="3"/>
      <c r="J6026" s="3"/>
      <c r="K6026" s="3"/>
      <c r="L6026" s="3"/>
    </row>
    <row r="6027" spans="1:12" s="22" customFormat="1" ht="27" customHeight="1" x14ac:dyDescent="0.15">
      <c r="A6027" s="13"/>
      <c r="B6027" s="14"/>
      <c r="C6027" s="13"/>
      <c r="D6027" s="14"/>
      <c r="E6027" s="14"/>
      <c r="F6027" s="16"/>
      <c r="G6027" s="3"/>
      <c r="H6027" s="3"/>
      <c r="I6027" s="3"/>
      <c r="J6027" s="3"/>
      <c r="K6027" s="3"/>
      <c r="L6027" s="3"/>
    </row>
    <row r="6028" spans="1:12" s="22" customFormat="1" ht="27" customHeight="1" x14ac:dyDescent="0.15">
      <c r="A6028" s="13"/>
      <c r="B6028" s="14"/>
      <c r="C6028" s="13"/>
      <c r="D6028" s="14"/>
      <c r="E6028" s="14"/>
      <c r="F6028" s="16"/>
      <c r="G6028" s="3"/>
      <c r="H6028" s="3"/>
      <c r="I6028" s="3"/>
      <c r="J6028" s="3"/>
      <c r="K6028" s="3"/>
      <c r="L6028" s="3"/>
    </row>
    <row r="6029" spans="1:12" s="22" customFormat="1" ht="27" customHeight="1" x14ac:dyDescent="0.15">
      <c r="A6029" s="13"/>
      <c r="B6029" s="14"/>
      <c r="C6029" s="13"/>
      <c r="D6029" s="14"/>
      <c r="E6029" s="14"/>
      <c r="F6029" s="16"/>
      <c r="G6029" s="3"/>
      <c r="H6029" s="3"/>
      <c r="I6029" s="3"/>
      <c r="J6029" s="3"/>
      <c r="K6029" s="3"/>
      <c r="L6029" s="3"/>
    </row>
    <row r="6030" spans="1:12" s="22" customFormat="1" ht="27" customHeight="1" x14ac:dyDescent="0.15">
      <c r="A6030" s="13"/>
      <c r="B6030" s="14"/>
      <c r="C6030" s="13"/>
      <c r="D6030" s="14"/>
      <c r="E6030" s="14"/>
      <c r="F6030" s="16"/>
      <c r="G6030" s="3"/>
      <c r="H6030" s="3"/>
      <c r="I6030" s="3"/>
      <c r="J6030" s="3"/>
      <c r="K6030" s="3"/>
      <c r="L6030" s="3"/>
    </row>
    <row r="6031" spans="1:12" s="22" customFormat="1" ht="27" customHeight="1" x14ac:dyDescent="0.15">
      <c r="A6031" s="13"/>
      <c r="B6031" s="14"/>
      <c r="C6031" s="13"/>
      <c r="D6031" s="14"/>
      <c r="E6031" s="14"/>
      <c r="F6031" s="16"/>
      <c r="G6031" s="3"/>
      <c r="H6031" s="3"/>
      <c r="I6031" s="3"/>
      <c r="J6031" s="3"/>
      <c r="K6031" s="3"/>
      <c r="L6031" s="3"/>
    </row>
    <row r="6032" spans="1:12" s="22" customFormat="1" ht="27" customHeight="1" x14ac:dyDescent="0.15">
      <c r="A6032" s="13"/>
      <c r="B6032" s="14"/>
      <c r="C6032" s="13"/>
      <c r="D6032" s="14"/>
      <c r="E6032" s="14"/>
      <c r="F6032" s="16"/>
      <c r="G6032" s="3"/>
      <c r="H6032" s="3"/>
      <c r="I6032" s="3"/>
      <c r="J6032" s="3"/>
      <c r="K6032" s="3"/>
      <c r="L6032" s="3"/>
    </row>
    <row r="6033" spans="1:12" s="22" customFormat="1" ht="27" customHeight="1" x14ac:dyDescent="0.15">
      <c r="A6033" s="13"/>
      <c r="B6033" s="14"/>
      <c r="C6033" s="13"/>
      <c r="D6033" s="14"/>
      <c r="E6033" s="14"/>
      <c r="F6033" s="16"/>
      <c r="G6033" s="3"/>
      <c r="H6033" s="3"/>
      <c r="I6033" s="3"/>
      <c r="J6033" s="3"/>
      <c r="K6033" s="3"/>
      <c r="L6033" s="3"/>
    </row>
    <row r="6034" spans="1:12" s="22" customFormat="1" ht="27" customHeight="1" x14ac:dyDescent="0.15">
      <c r="A6034" s="13"/>
      <c r="B6034" s="14"/>
      <c r="C6034" s="13"/>
      <c r="D6034" s="14"/>
      <c r="E6034" s="14"/>
      <c r="F6034" s="16"/>
      <c r="G6034" s="3"/>
      <c r="H6034" s="3"/>
      <c r="I6034" s="3"/>
      <c r="J6034" s="3"/>
      <c r="K6034" s="3"/>
      <c r="L6034" s="3"/>
    </row>
    <row r="6035" spans="1:12" s="22" customFormat="1" ht="27" customHeight="1" x14ac:dyDescent="0.15">
      <c r="A6035" s="13"/>
      <c r="B6035" s="14"/>
      <c r="C6035" s="13"/>
      <c r="D6035" s="14"/>
      <c r="E6035" s="14"/>
      <c r="F6035" s="16"/>
      <c r="G6035" s="3"/>
      <c r="H6035" s="3"/>
      <c r="I6035" s="3"/>
      <c r="J6035" s="3"/>
      <c r="K6035" s="3"/>
      <c r="L6035" s="3"/>
    </row>
    <row r="6036" spans="1:12" s="22" customFormat="1" ht="27" customHeight="1" x14ac:dyDescent="0.15">
      <c r="A6036" s="13"/>
      <c r="B6036" s="14"/>
      <c r="C6036" s="13"/>
      <c r="D6036" s="14"/>
      <c r="E6036" s="14"/>
      <c r="F6036" s="16"/>
      <c r="G6036" s="3"/>
      <c r="H6036" s="3"/>
      <c r="I6036" s="3"/>
      <c r="J6036" s="3"/>
      <c r="K6036" s="3"/>
      <c r="L6036" s="3"/>
    </row>
    <row r="6037" spans="1:12" s="22" customFormat="1" ht="27" customHeight="1" x14ac:dyDescent="0.15">
      <c r="A6037" s="13"/>
      <c r="B6037" s="14"/>
      <c r="C6037" s="13"/>
      <c r="D6037" s="14"/>
      <c r="E6037" s="14"/>
      <c r="F6037" s="16"/>
      <c r="G6037" s="3"/>
      <c r="H6037" s="3"/>
      <c r="I6037" s="3"/>
      <c r="J6037" s="3"/>
      <c r="K6037" s="3"/>
      <c r="L6037" s="3"/>
    </row>
    <row r="6038" spans="1:12" s="22" customFormat="1" ht="27" customHeight="1" x14ac:dyDescent="0.15">
      <c r="A6038" s="13"/>
      <c r="B6038" s="14"/>
      <c r="C6038" s="13"/>
      <c r="D6038" s="14"/>
      <c r="E6038" s="14"/>
      <c r="F6038" s="16"/>
      <c r="G6038" s="3"/>
      <c r="H6038" s="3"/>
      <c r="I6038" s="3"/>
      <c r="J6038" s="3"/>
      <c r="K6038" s="3"/>
      <c r="L6038" s="3"/>
    </row>
    <row r="6039" spans="1:12" s="22" customFormat="1" ht="27" customHeight="1" x14ac:dyDescent="0.15">
      <c r="A6039" s="13"/>
      <c r="B6039" s="14"/>
      <c r="C6039" s="13"/>
      <c r="D6039" s="14"/>
      <c r="E6039" s="14"/>
      <c r="F6039" s="16"/>
      <c r="G6039" s="3"/>
      <c r="H6039" s="3"/>
      <c r="I6039" s="3"/>
      <c r="J6039" s="3"/>
      <c r="K6039" s="3"/>
      <c r="L6039" s="3"/>
    </row>
    <row r="6040" spans="1:12" s="22" customFormat="1" ht="27" customHeight="1" x14ac:dyDescent="0.15">
      <c r="A6040" s="13"/>
      <c r="B6040" s="14"/>
      <c r="C6040" s="13"/>
      <c r="D6040" s="14"/>
      <c r="E6040" s="14"/>
      <c r="F6040" s="16"/>
      <c r="G6040" s="3"/>
      <c r="H6040" s="3"/>
      <c r="I6040" s="3"/>
      <c r="J6040" s="3"/>
      <c r="K6040" s="3"/>
      <c r="L6040" s="3"/>
    </row>
    <row r="6041" spans="1:12" s="22" customFormat="1" ht="27" customHeight="1" x14ac:dyDescent="0.15">
      <c r="A6041" s="13"/>
      <c r="B6041" s="14"/>
      <c r="C6041" s="13"/>
      <c r="D6041" s="14"/>
      <c r="E6041" s="14"/>
      <c r="F6041" s="16"/>
      <c r="G6041" s="3"/>
      <c r="H6041" s="3"/>
      <c r="I6041" s="3"/>
      <c r="J6041" s="3"/>
      <c r="K6041" s="3"/>
      <c r="L6041" s="3"/>
    </row>
    <row r="6042" spans="1:12" s="22" customFormat="1" ht="27" customHeight="1" x14ac:dyDescent="0.15">
      <c r="A6042" s="13"/>
      <c r="B6042" s="14"/>
      <c r="C6042" s="13"/>
      <c r="D6042" s="14"/>
      <c r="E6042" s="14"/>
      <c r="F6042" s="16"/>
      <c r="G6042" s="3"/>
      <c r="H6042" s="3"/>
      <c r="I6042" s="3"/>
      <c r="J6042" s="3"/>
      <c r="K6042" s="3"/>
      <c r="L6042" s="3"/>
    </row>
    <row r="6043" spans="1:12" s="22" customFormat="1" ht="27" customHeight="1" x14ac:dyDescent="0.15">
      <c r="A6043" s="13"/>
      <c r="B6043" s="14"/>
      <c r="C6043" s="13"/>
      <c r="D6043" s="14"/>
      <c r="E6043" s="14"/>
      <c r="F6043" s="16"/>
      <c r="G6043" s="3"/>
      <c r="H6043" s="3"/>
      <c r="I6043" s="3"/>
      <c r="J6043" s="3"/>
      <c r="K6043" s="3"/>
      <c r="L6043" s="3"/>
    </row>
    <row r="6044" spans="1:12" s="22" customFormat="1" ht="27" customHeight="1" x14ac:dyDescent="0.15">
      <c r="A6044" s="13"/>
      <c r="B6044" s="14"/>
      <c r="C6044" s="13"/>
      <c r="D6044" s="14"/>
      <c r="E6044" s="14"/>
      <c r="F6044" s="16"/>
      <c r="G6044" s="3"/>
      <c r="H6044" s="3"/>
      <c r="I6044" s="3"/>
      <c r="J6044" s="3"/>
      <c r="K6044" s="3"/>
      <c r="L6044" s="3"/>
    </row>
    <row r="6045" spans="1:12" s="22" customFormat="1" ht="27" customHeight="1" x14ac:dyDescent="0.15">
      <c r="A6045" s="13"/>
      <c r="B6045" s="14"/>
      <c r="C6045" s="13"/>
      <c r="D6045" s="14"/>
      <c r="E6045" s="14"/>
      <c r="F6045" s="16"/>
      <c r="G6045" s="3"/>
      <c r="H6045" s="3"/>
      <c r="I6045" s="3"/>
      <c r="J6045" s="3"/>
      <c r="K6045" s="3"/>
      <c r="L6045" s="3"/>
    </row>
    <row r="6046" spans="1:12" s="22" customFormat="1" ht="27" customHeight="1" x14ac:dyDescent="0.15">
      <c r="A6046" s="13"/>
      <c r="B6046" s="14"/>
      <c r="C6046" s="13"/>
      <c r="D6046" s="14"/>
      <c r="E6046" s="14"/>
      <c r="F6046" s="16"/>
      <c r="G6046" s="3"/>
      <c r="H6046" s="3"/>
      <c r="I6046" s="3"/>
      <c r="J6046" s="3"/>
      <c r="K6046" s="3"/>
      <c r="L6046" s="3"/>
    </row>
    <row r="6047" spans="1:12" s="22" customFormat="1" ht="27" customHeight="1" x14ac:dyDescent="0.15">
      <c r="A6047" s="13"/>
      <c r="B6047" s="14"/>
      <c r="C6047" s="13"/>
      <c r="D6047" s="14"/>
      <c r="E6047" s="14"/>
      <c r="F6047" s="16"/>
      <c r="G6047" s="3"/>
      <c r="H6047" s="3"/>
      <c r="I6047" s="3"/>
      <c r="J6047" s="3"/>
      <c r="K6047" s="3"/>
      <c r="L6047" s="3"/>
    </row>
    <row r="6048" spans="1:12" s="22" customFormat="1" ht="27" customHeight="1" x14ac:dyDescent="0.15">
      <c r="A6048" s="13"/>
      <c r="B6048" s="14"/>
      <c r="C6048" s="13"/>
      <c r="D6048" s="14"/>
      <c r="E6048" s="14"/>
      <c r="F6048" s="16"/>
      <c r="G6048" s="3"/>
      <c r="H6048" s="3"/>
      <c r="I6048" s="3"/>
      <c r="J6048" s="3"/>
      <c r="K6048" s="3"/>
      <c r="L6048" s="3"/>
    </row>
    <row r="6049" spans="1:12" s="22" customFormat="1" ht="27" customHeight="1" x14ac:dyDescent="0.15">
      <c r="A6049" s="13"/>
      <c r="B6049" s="14"/>
      <c r="C6049" s="13"/>
      <c r="D6049" s="14"/>
      <c r="E6049" s="14"/>
      <c r="F6049" s="16"/>
      <c r="G6049" s="3"/>
      <c r="H6049" s="3"/>
      <c r="I6049" s="3"/>
      <c r="J6049" s="3"/>
      <c r="K6049" s="3"/>
      <c r="L6049" s="3"/>
    </row>
    <row r="6050" spans="1:12" s="22" customFormat="1" ht="27" customHeight="1" x14ac:dyDescent="0.15">
      <c r="A6050" s="13"/>
      <c r="B6050" s="14"/>
      <c r="C6050" s="13"/>
      <c r="D6050" s="14"/>
      <c r="E6050" s="14"/>
      <c r="F6050" s="16"/>
      <c r="G6050" s="3"/>
      <c r="H6050" s="3"/>
      <c r="I6050" s="3"/>
      <c r="J6050" s="3"/>
      <c r="K6050" s="3"/>
      <c r="L6050" s="3"/>
    </row>
    <row r="6051" spans="1:12" s="22" customFormat="1" ht="27" customHeight="1" x14ac:dyDescent="0.15">
      <c r="A6051" s="13"/>
      <c r="B6051" s="14"/>
      <c r="C6051" s="13"/>
      <c r="D6051" s="14"/>
      <c r="E6051" s="14"/>
      <c r="F6051" s="16"/>
      <c r="G6051" s="3"/>
      <c r="H6051" s="3"/>
      <c r="I6051" s="3"/>
      <c r="J6051" s="3"/>
      <c r="K6051" s="3"/>
      <c r="L6051" s="3"/>
    </row>
    <row r="6052" spans="1:12" s="22" customFormat="1" ht="27" customHeight="1" x14ac:dyDescent="0.15">
      <c r="A6052" s="13"/>
      <c r="B6052" s="14"/>
      <c r="C6052" s="13"/>
      <c r="D6052" s="14"/>
      <c r="E6052" s="14"/>
      <c r="F6052" s="16"/>
      <c r="G6052" s="3"/>
      <c r="H6052" s="3"/>
      <c r="I6052" s="3"/>
      <c r="J6052" s="3"/>
      <c r="K6052" s="3"/>
      <c r="L6052" s="3"/>
    </row>
    <row r="6053" spans="1:12" s="22" customFormat="1" ht="27" customHeight="1" x14ac:dyDescent="0.15">
      <c r="A6053" s="13"/>
      <c r="B6053" s="14"/>
      <c r="C6053" s="13"/>
      <c r="D6053" s="14"/>
      <c r="E6053" s="14"/>
      <c r="F6053" s="16"/>
      <c r="G6053" s="3"/>
      <c r="H6053" s="3"/>
      <c r="I6053" s="3"/>
      <c r="J6053" s="3"/>
      <c r="K6053" s="3"/>
      <c r="L6053" s="3"/>
    </row>
    <row r="6054" spans="1:12" s="22" customFormat="1" ht="27" customHeight="1" x14ac:dyDescent="0.15">
      <c r="A6054" s="13"/>
      <c r="B6054" s="14"/>
      <c r="C6054" s="13"/>
      <c r="D6054" s="14"/>
      <c r="E6054" s="14"/>
      <c r="F6054" s="16"/>
      <c r="G6054" s="3"/>
      <c r="H6054" s="3"/>
      <c r="I6054" s="3"/>
      <c r="J6054" s="3"/>
      <c r="K6054" s="3"/>
      <c r="L6054" s="3"/>
    </row>
    <row r="6055" spans="1:12" s="22" customFormat="1" ht="27" customHeight="1" x14ac:dyDescent="0.15">
      <c r="A6055" s="13"/>
      <c r="B6055" s="14"/>
      <c r="C6055" s="13"/>
      <c r="D6055" s="14"/>
      <c r="E6055" s="14"/>
      <c r="F6055" s="16"/>
      <c r="G6055" s="3"/>
      <c r="H6055" s="3"/>
      <c r="I6055" s="3"/>
      <c r="J6055" s="3"/>
      <c r="K6055" s="3"/>
      <c r="L6055" s="3"/>
    </row>
    <row r="6056" spans="1:12" s="22" customFormat="1" ht="27" customHeight="1" x14ac:dyDescent="0.15">
      <c r="A6056" s="13"/>
      <c r="B6056" s="14"/>
      <c r="C6056" s="13"/>
      <c r="D6056" s="14"/>
      <c r="E6056" s="14"/>
      <c r="F6056" s="16"/>
      <c r="G6056" s="3"/>
      <c r="H6056" s="3"/>
      <c r="I6056" s="3"/>
      <c r="J6056" s="3"/>
      <c r="K6056" s="3"/>
      <c r="L6056" s="3"/>
    </row>
    <row r="6057" spans="1:12" s="22" customFormat="1" ht="27" customHeight="1" x14ac:dyDescent="0.15">
      <c r="A6057" s="13"/>
      <c r="B6057" s="14"/>
      <c r="C6057" s="13"/>
      <c r="D6057" s="14"/>
      <c r="E6057" s="14"/>
      <c r="F6057" s="16"/>
      <c r="G6057" s="3"/>
      <c r="H6057" s="3"/>
      <c r="I6057" s="3"/>
      <c r="J6057" s="3"/>
      <c r="K6057" s="3"/>
      <c r="L6057" s="3"/>
    </row>
    <row r="6058" spans="1:12" s="22" customFormat="1" ht="27" customHeight="1" x14ac:dyDescent="0.15">
      <c r="A6058" s="13"/>
      <c r="B6058" s="14"/>
      <c r="C6058" s="13"/>
      <c r="D6058" s="14"/>
      <c r="E6058" s="14"/>
      <c r="F6058" s="16"/>
      <c r="G6058" s="3"/>
      <c r="H6058" s="3"/>
      <c r="I6058" s="3"/>
      <c r="J6058" s="3"/>
      <c r="K6058" s="3"/>
      <c r="L6058" s="3"/>
    </row>
    <row r="6059" spans="1:12" s="22" customFormat="1" ht="27" customHeight="1" x14ac:dyDescent="0.15">
      <c r="A6059" s="13"/>
      <c r="B6059" s="14"/>
      <c r="C6059" s="13"/>
      <c r="D6059" s="14"/>
      <c r="E6059" s="14"/>
      <c r="F6059" s="16"/>
      <c r="G6059" s="3"/>
      <c r="H6059" s="3"/>
      <c r="I6059" s="3"/>
      <c r="J6059" s="3"/>
      <c r="K6059" s="3"/>
      <c r="L6059" s="3"/>
    </row>
    <row r="6060" spans="1:12" s="22" customFormat="1" ht="27" customHeight="1" x14ac:dyDescent="0.15">
      <c r="A6060" s="13"/>
      <c r="B6060" s="14"/>
      <c r="C6060" s="13"/>
      <c r="D6060" s="14"/>
      <c r="E6060" s="14"/>
      <c r="F6060" s="16"/>
      <c r="G6060" s="3"/>
      <c r="H6060" s="3"/>
      <c r="I6060" s="3"/>
      <c r="J6060" s="3"/>
      <c r="K6060" s="3"/>
      <c r="L6060" s="3"/>
    </row>
    <row r="6061" spans="1:12" s="22" customFormat="1" ht="27" customHeight="1" x14ac:dyDescent="0.15">
      <c r="A6061" s="13"/>
      <c r="B6061" s="14"/>
      <c r="C6061" s="13"/>
      <c r="D6061" s="14"/>
      <c r="E6061" s="14"/>
      <c r="F6061" s="16"/>
      <c r="G6061" s="3"/>
      <c r="H6061" s="3"/>
      <c r="I6061" s="3"/>
      <c r="J6061" s="3"/>
      <c r="K6061" s="3"/>
      <c r="L6061" s="3"/>
    </row>
    <row r="6062" spans="1:12" s="22" customFormat="1" ht="27" customHeight="1" x14ac:dyDescent="0.15">
      <c r="A6062" s="13"/>
      <c r="B6062" s="14"/>
      <c r="C6062" s="13"/>
      <c r="D6062" s="14"/>
      <c r="E6062" s="14"/>
      <c r="F6062" s="16"/>
      <c r="G6062" s="3"/>
      <c r="H6062" s="3"/>
      <c r="I6062" s="3"/>
      <c r="J6062" s="3"/>
      <c r="K6062" s="3"/>
      <c r="L6062" s="3"/>
    </row>
    <row r="6063" spans="1:12" s="22" customFormat="1" ht="27" customHeight="1" x14ac:dyDescent="0.15">
      <c r="A6063" s="13"/>
      <c r="B6063" s="14"/>
      <c r="C6063" s="13"/>
      <c r="D6063" s="14"/>
      <c r="E6063" s="14"/>
      <c r="F6063" s="16"/>
      <c r="G6063" s="3"/>
      <c r="H6063" s="3"/>
      <c r="I6063" s="3"/>
      <c r="J6063" s="3"/>
      <c r="K6063" s="3"/>
      <c r="L6063" s="3"/>
    </row>
    <row r="6064" spans="1:12" s="22" customFormat="1" ht="27" customHeight="1" x14ac:dyDescent="0.15">
      <c r="A6064" s="13"/>
      <c r="B6064" s="14"/>
      <c r="C6064" s="13"/>
      <c r="D6064" s="14"/>
      <c r="E6064" s="14"/>
      <c r="F6064" s="16"/>
      <c r="G6064" s="3"/>
      <c r="H6064" s="3"/>
      <c r="I6064" s="3"/>
      <c r="J6064" s="3"/>
      <c r="K6064" s="3"/>
      <c r="L6064" s="3"/>
    </row>
    <row r="6065" spans="1:12" s="22" customFormat="1" ht="27" customHeight="1" x14ac:dyDescent="0.15">
      <c r="A6065" s="13"/>
      <c r="B6065" s="14"/>
      <c r="C6065" s="13"/>
      <c r="D6065" s="14"/>
      <c r="E6065" s="14"/>
      <c r="F6065" s="16"/>
      <c r="G6065" s="3"/>
      <c r="H6065" s="3"/>
      <c r="I6065" s="3"/>
      <c r="J6065" s="3"/>
      <c r="K6065" s="3"/>
      <c r="L6065" s="3"/>
    </row>
    <row r="6066" spans="1:12" s="22" customFormat="1" ht="27" customHeight="1" x14ac:dyDescent="0.15">
      <c r="A6066" s="13"/>
      <c r="B6066" s="14"/>
      <c r="C6066" s="13"/>
      <c r="D6066" s="14"/>
      <c r="E6066" s="14"/>
      <c r="F6066" s="16"/>
      <c r="G6066" s="3"/>
      <c r="H6066" s="3"/>
      <c r="I6066" s="3"/>
      <c r="J6066" s="3"/>
      <c r="K6066" s="3"/>
      <c r="L6066" s="3"/>
    </row>
    <row r="6067" spans="1:12" s="22" customFormat="1" ht="27" customHeight="1" x14ac:dyDescent="0.15">
      <c r="A6067" s="13"/>
      <c r="B6067" s="14"/>
      <c r="C6067" s="13"/>
      <c r="D6067" s="14"/>
      <c r="E6067" s="14"/>
      <c r="F6067" s="16"/>
      <c r="G6067" s="3"/>
      <c r="H6067" s="3"/>
      <c r="I6067" s="3"/>
      <c r="J6067" s="3"/>
      <c r="K6067" s="3"/>
      <c r="L6067" s="3"/>
    </row>
    <row r="6068" spans="1:12" s="22" customFormat="1" ht="27" customHeight="1" x14ac:dyDescent="0.15">
      <c r="A6068" s="13"/>
      <c r="B6068" s="14"/>
      <c r="C6068" s="13"/>
      <c r="D6068" s="14"/>
      <c r="E6068" s="14"/>
      <c r="F6068" s="16"/>
      <c r="G6068" s="3"/>
      <c r="H6068" s="3"/>
      <c r="I6068" s="3"/>
      <c r="J6068" s="3"/>
      <c r="K6068" s="3"/>
      <c r="L6068" s="3"/>
    </row>
    <row r="6069" spans="1:12" s="22" customFormat="1" ht="27" customHeight="1" x14ac:dyDescent="0.15">
      <c r="A6069" s="13"/>
      <c r="B6069" s="14"/>
      <c r="C6069" s="13"/>
      <c r="D6069" s="14"/>
      <c r="E6069" s="14"/>
      <c r="F6069" s="16"/>
      <c r="G6069" s="3"/>
      <c r="H6069" s="3"/>
      <c r="I6069" s="3"/>
      <c r="J6069" s="3"/>
      <c r="K6069" s="3"/>
      <c r="L6069" s="3"/>
    </row>
    <row r="6070" spans="1:12" s="22" customFormat="1" ht="27" customHeight="1" x14ac:dyDescent="0.15">
      <c r="A6070" s="13"/>
      <c r="B6070" s="14"/>
      <c r="C6070" s="13"/>
      <c r="D6070" s="14"/>
      <c r="E6070" s="14"/>
      <c r="F6070" s="16"/>
      <c r="G6070" s="3"/>
      <c r="H6070" s="3"/>
      <c r="I6070" s="3"/>
      <c r="J6070" s="3"/>
      <c r="K6070" s="3"/>
      <c r="L6070" s="3"/>
    </row>
    <row r="6071" spans="1:12" s="22" customFormat="1" ht="27" customHeight="1" x14ac:dyDescent="0.15">
      <c r="A6071" s="13"/>
      <c r="B6071" s="14"/>
      <c r="C6071" s="13"/>
      <c r="D6071" s="14"/>
      <c r="E6071" s="14"/>
      <c r="F6071" s="16"/>
      <c r="G6071" s="3"/>
      <c r="H6071" s="3"/>
      <c r="I6071" s="3"/>
      <c r="J6071" s="3"/>
      <c r="K6071" s="3"/>
      <c r="L6071" s="3"/>
    </row>
    <row r="6072" spans="1:12" s="22" customFormat="1" ht="27" customHeight="1" x14ac:dyDescent="0.15">
      <c r="A6072" s="13"/>
      <c r="B6072" s="14"/>
      <c r="C6072" s="13"/>
      <c r="D6072" s="14"/>
      <c r="E6072" s="14"/>
      <c r="F6072" s="16"/>
      <c r="G6072" s="3"/>
      <c r="H6072" s="3"/>
      <c r="I6072" s="3"/>
      <c r="J6072" s="3"/>
      <c r="K6072" s="3"/>
      <c r="L6072" s="3"/>
    </row>
    <row r="6073" spans="1:12" s="22" customFormat="1" ht="27" customHeight="1" x14ac:dyDescent="0.15">
      <c r="A6073" s="13"/>
      <c r="B6073" s="14"/>
      <c r="C6073" s="13"/>
      <c r="D6073" s="14"/>
      <c r="E6073" s="14"/>
      <c r="F6073" s="16"/>
      <c r="G6073" s="3"/>
      <c r="H6073" s="3"/>
      <c r="I6073" s="3"/>
      <c r="J6073" s="3"/>
      <c r="K6073" s="3"/>
      <c r="L6073" s="3"/>
    </row>
    <row r="6074" spans="1:12" s="22" customFormat="1" ht="27" customHeight="1" x14ac:dyDescent="0.15">
      <c r="A6074" s="13"/>
      <c r="B6074" s="14"/>
      <c r="C6074" s="13"/>
      <c r="D6074" s="14"/>
      <c r="E6074" s="14"/>
      <c r="F6074" s="16"/>
      <c r="G6074" s="3"/>
      <c r="H6074" s="3"/>
      <c r="I6074" s="3"/>
      <c r="J6074" s="3"/>
      <c r="K6074" s="3"/>
      <c r="L6074" s="3"/>
    </row>
    <row r="6075" spans="1:12" s="22" customFormat="1" ht="27" customHeight="1" x14ac:dyDescent="0.15">
      <c r="A6075" s="13"/>
      <c r="B6075" s="14"/>
      <c r="C6075" s="13"/>
      <c r="D6075" s="14"/>
      <c r="E6075" s="14"/>
      <c r="F6075" s="16"/>
      <c r="G6075" s="3"/>
      <c r="H6075" s="3"/>
      <c r="I6075" s="3"/>
      <c r="J6075" s="3"/>
      <c r="K6075" s="3"/>
      <c r="L6075" s="3"/>
    </row>
    <row r="6076" spans="1:12" s="22" customFormat="1" ht="27" customHeight="1" x14ac:dyDescent="0.15">
      <c r="A6076" s="13"/>
      <c r="B6076" s="14"/>
      <c r="C6076" s="13"/>
      <c r="D6076" s="14"/>
      <c r="E6076" s="14"/>
      <c r="F6076" s="16"/>
      <c r="G6076" s="3"/>
      <c r="H6076" s="3"/>
      <c r="I6076" s="3"/>
      <c r="J6076" s="3"/>
      <c r="K6076" s="3"/>
      <c r="L6076" s="3"/>
    </row>
    <row r="6077" spans="1:12" s="22" customFormat="1" ht="27" customHeight="1" x14ac:dyDescent="0.15">
      <c r="A6077" s="13"/>
      <c r="B6077" s="14"/>
      <c r="C6077" s="13"/>
      <c r="D6077" s="14"/>
      <c r="E6077" s="14"/>
      <c r="F6077" s="16"/>
      <c r="G6077" s="3"/>
      <c r="H6077" s="3"/>
      <c r="I6077" s="3"/>
      <c r="J6077" s="3"/>
      <c r="K6077" s="3"/>
      <c r="L6077" s="3"/>
    </row>
    <row r="6078" spans="1:12" s="22" customFormat="1" ht="27" customHeight="1" x14ac:dyDescent="0.15">
      <c r="A6078" s="13"/>
      <c r="B6078" s="14"/>
      <c r="C6078" s="13"/>
      <c r="D6078" s="14"/>
      <c r="E6078" s="14"/>
      <c r="F6078" s="16"/>
      <c r="G6078" s="3"/>
      <c r="H6078" s="3"/>
      <c r="I6078" s="3"/>
      <c r="J6078" s="3"/>
      <c r="K6078" s="3"/>
      <c r="L6078" s="3"/>
    </row>
    <row r="6079" spans="1:12" s="22" customFormat="1" ht="27" customHeight="1" x14ac:dyDescent="0.15">
      <c r="A6079" s="13"/>
      <c r="B6079" s="14"/>
      <c r="C6079" s="13"/>
      <c r="D6079" s="14"/>
      <c r="E6079" s="14"/>
      <c r="F6079" s="16"/>
      <c r="G6079" s="3"/>
      <c r="H6079" s="3"/>
      <c r="I6079" s="3"/>
      <c r="J6079" s="3"/>
      <c r="K6079" s="3"/>
      <c r="L6079" s="3"/>
    </row>
    <row r="6080" spans="1:12" s="22" customFormat="1" ht="27" customHeight="1" x14ac:dyDescent="0.15">
      <c r="A6080" s="13"/>
      <c r="B6080" s="14"/>
      <c r="C6080" s="13"/>
      <c r="D6080" s="14"/>
      <c r="E6080" s="14"/>
      <c r="F6080" s="16"/>
      <c r="G6080" s="3"/>
      <c r="H6080" s="3"/>
      <c r="I6080" s="3"/>
      <c r="J6080" s="3"/>
      <c r="K6080" s="3"/>
      <c r="L6080" s="3"/>
    </row>
    <row r="6081" spans="1:12" s="22" customFormat="1" ht="27" customHeight="1" x14ac:dyDescent="0.15">
      <c r="A6081" s="13"/>
      <c r="B6081" s="14"/>
      <c r="C6081" s="13"/>
      <c r="D6081" s="14"/>
      <c r="E6081" s="14"/>
      <c r="F6081" s="16"/>
      <c r="G6081" s="3"/>
      <c r="H6081" s="3"/>
      <c r="I6081" s="3"/>
      <c r="J6081" s="3"/>
      <c r="K6081" s="3"/>
      <c r="L6081" s="3"/>
    </row>
    <row r="6082" spans="1:12" s="22" customFormat="1" ht="27" customHeight="1" x14ac:dyDescent="0.15">
      <c r="A6082" s="13"/>
      <c r="B6082" s="14"/>
      <c r="C6082" s="13"/>
      <c r="D6082" s="14"/>
      <c r="E6082" s="14"/>
      <c r="F6082" s="16"/>
      <c r="G6082" s="3"/>
      <c r="H6082" s="3"/>
      <c r="I6082" s="3"/>
      <c r="J6082" s="3"/>
      <c r="K6082" s="3"/>
      <c r="L6082" s="3"/>
    </row>
    <row r="6083" spans="1:12" s="22" customFormat="1" ht="27" customHeight="1" x14ac:dyDescent="0.15">
      <c r="A6083" s="13"/>
      <c r="B6083" s="14"/>
      <c r="C6083" s="13"/>
      <c r="D6083" s="14"/>
      <c r="E6083" s="14"/>
      <c r="F6083" s="16"/>
      <c r="G6083" s="3"/>
      <c r="H6083" s="3"/>
      <c r="I6083" s="3"/>
      <c r="J6083" s="3"/>
      <c r="K6083" s="3"/>
      <c r="L6083" s="3"/>
    </row>
    <row r="6084" spans="1:12" s="22" customFormat="1" ht="27" customHeight="1" x14ac:dyDescent="0.15">
      <c r="A6084" s="13"/>
      <c r="B6084" s="14"/>
      <c r="C6084" s="13"/>
      <c r="D6084" s="14"/>
      <c r="E6084" s="14"/>
      <c r="F6084" s="16"/>
      <c r="G6084" s="3"/>
      <c r="H6084" s="3"/>
      <c r="I6084" s="3"/>
      <c r="J6084" s="3"/>
      <c r="K6084" s="3"/>
      <c r="L6084" s="3"/>
    </row>
    <row r="6085" spans="1:12" s="22" customFormat="1" ht="27" customHeight="1" x14ac:dyDescent="0.15">
      <c r="A6085" s="13"/>
      <c r="B6085" s="14"/>
      <c r="C6085" s="13"/>
      <c r="D6085" s="14"/>
      <c r="E6085" s="14"/>
      <c r="F6085" s="16"/>
      <c r="G6085" s="3"/>
      <c r="H6085" s="3"/>
      <c r="I6085" s="3"/>
      <c r="J6085" s="3"/>
      <c r="K6085" s="3"/>
      <c r="L6085" s="3"/>
    </row>
    <row r="6086" spans="1:12" s="22" customFormat="1" ht="27" customHeight="1" x14ac:dyDescent="0.15">
      <c r="A6086" s="13"/>
      <c r="B6086" s="14"/>
      <c r="C6086" s="13"/>
      <c r="D6086" s="14"/>
      <c r="E6086" s="14"/>
      <c r="F6086" s="16"/>
      <c r="G6086" s="3"/>
      <c r="H6086" s="3"/>
      <c r="I6086" s="3"/>
      <c r="J6086" s="3"/>
      <c r="K6086" s="3"/>
      <c r="L6086" s="3"/>
    </row>
    <row r="6087" spans="1:12" s="22" customFormat="1" ht="27" customHeight="1" x14ac:dyDescent="0.15">
      <c r="A6087" s="13"/>
      <c r="B6087" s="14"/>
      <c r="C6087" s="13"/>
      <c r="D6087" s="14"/>
      <c r="E6087" s="14"/>
      <c r="F6087" s="16"/>
      <c r="G6087" s="3"/>
      <c r="H6087" s="3"/>
      <c r="I6087" s="3"/>
      <c r="J6087" s="3"/>
      <c r="K6087" s="3"/>
      <c r="L6087" s="3"/>
    </row>
    <row r="6088" spans="1:12" s="22" customFormat="1" ht="27" customHeight="1" x14ac:dyDescent="0.15">
      <c r="A6088" s="13"/>
      <c r="B6088" s="14"/>
      <c r="C6088" s="13"/>
      <c r="D6088" s="14"/>
      <c r="E6088" s="14"/>
      <c r="F6088" s="16"/>
      <c r="G6088" s="3"/>
      <c r="H6088" s="3"/>
      <c r="I6088" s="3"/>
      <c r="J6088" s="3"/>
      <c r="K6088" s="3"/>
      <c r="L6088" s="3"/>
    </row>
    <row r="6089" spans="1:12" s="22" customFormat="1" ht="27" customHeight="1" x14ac:dyDescent="0.15">
      <c r="A6089" s="13"/>
      <c r="B6089" s="14"/>
      <c r="C6089" s="13"/>
      <c r="D6089" s="14"/>
      <c r="E6089" s="14"/>
      <c r="F6089" s="16"/>
      <c r="G6089" s="3"/>
      <c r="H6089" s="3"/>
      <c r="I6089" s="3"/>
      <c r="J6089" s="3"/>
      <c r="K6089" s="3"/>
      <c r="L6089" s="3"/>
    </row>
    <row r="6090" spans="1:12" s="22" customFormat="1" ht="27" customHeight="1" x14ac:dyDescent="0.15">
      <c r="A6090" s="13"/>
      <c r="B6090" s="14"/>
      <c r="C6090" s="13"/>
      <c r="D6090" s="14"/>
      <c r="E6090" s="14"/>
      <c r="F6090" s="16"/>
      <c r="G6090" s="3"/>
      <c r="H6090" s="3"/>
      <c r="I6090" s="3"/>
      <c r="J6090" s="3"/>
      <c r="K6090" s="3"/>
      <c r="L6090" s="3"/>
    </row>
    <row r="6091" spans="1:12" s="22" customFormat="1" ht="27" customHeight="1" x14ac:dyDescent="0.15">
      <c r="A6091" s="13"/>
      <c r="B6091" s="14"/>
      <c r="C6091" s="13"/>
      <c r="D6091" s="14"/>
      <c r="E6091" s="14"/>
      <c r="F6091" s="16"/>
      <c r="G6091" s="3"/>
      <c r="H6091" s="3"/>
      <c r="I6091" s="3"/>
      <c r="J6091" s="3"/>
      <c r="K6091" s="3"/>
      <c r="L6091" s="3"/>
    </row>
    <row r="6092" spans="1:12" s="22" customFormat="1" ht="27" customHeight="1" x14ac:dyDescent="0.15">
      <c r="A6092" s="13"/>
      <c r="B6092" s="14"/>
      <c r="C6092" s="13"/>
      <c r="D6092" s="14"/>
      <c r="E6092" s="14"/>
      <c r="F6092" s="16"/>
      <c r="G6092" s="3"/>
      <c r="H6092" s="3"/>
      <c r="I6092" s="3"/>
      <c r="J6092" s="3"/>
      <c r="K6092" s="3"/>
      <c r="L6092" s="3"/>
    </row>
    <row r="6093" spans="1:12" s="22" customFormat="1" ht="27" customHeight="1" x14ac:dyDescent="0.15">
      <c r="A6093" s="13"/>
      <c r="B6093" s="14"/>
      <c r="C6093" s="13"/>
      <c r="D6093" s="14"/>
      <c r="E6093" s="14"/>
      <c r="F6093" s="16"/>
      <c r="G6093" s="3"/>
      <c r="H6093" s="3"/>
      <c r="I6093" s="3"/>
      <c r="J6093" s="3"/>
      <c r="K6093" s="3"/>
      <c r="L6093" s="3"/>
    </row>
    <row r="6094" spans="1:12" s="22" customFormat="1" ht="27" customHeight="1" x14ac:dyDescent="0.15">
      <c r="A6094" s="13"/>
      <c r="B6094" s="14"/>
      <c r="C6094" s="13"/>
      <c r="D6094" s="14"/>
      <c r="E6094" s="14"/>
      <c r="F6094" s="16"/>
      <c r="G6094" s="3"/>
      <c r="H6094" s="3"/>
      <c r="I6094" s="3"/>
      <c r="J6094" s="3"/>
      <c r="K6094" s="3"/>
      <c r="L6094" s="3"/>
    </row>
    <row r="6095" spans="1:12" s="22" customFormat="1" ht="27" customHeight="1" x14ac:dyDescent="0.15">
      <c r="A6095" s="13"/>
      <c r="B6095" s="14"/>
      <c r="C6095" s="13"/>
      <c r="D6095" s="14"/>
      <c r="E6095" s="14"/>
      <c r="F6095" s="16"/>
      <c r="G6095" s="3"/>
      <c r="H6095" s="3"/>
      <c r="I6095" s="3"/>
      <c r="J6095" s="3"/>
      <c r="K6095" s="3"/>
      <c r="L6095" s="3"/>
    </row>
    <row r="6096" spans="1:12" s="22" customFormat="1" ht="27" customHeight="1" x14ac:dyDescent="0.15">
      <c r="A6096" s="13"/>
      <c r="B6096" s="14"/>
      <c r="C6096" s="13"/>
      <c r="D6096" s="14"/>
      <c r="E6096" s="14"/>
      <c r="F6096" s="16"/>
      <c r="G6096" s="3"/>
      <c r="H6096" s="3"/>
      <c r="I6096" s="3"/>
      <c r="J6096" s="3"/>
      <c r="K6096" s="3"/>
      <c r="L6096" s="3"/>
    </row>
    <row r="6097" spans="1:12" s="22" customFormat="1" ht="27" customHeight="1" x14ac:dyDescent="0.15">
      <c r="A6097" s="13"/>
      <c r="B6097" s="14"/>
      <c r="C6097" s="13"/>
      <c r="D6097" s="14"/>
      <c r="E6097" s="14"/>
      <c r="F6097" s="16"/>
      <c r="G6097" s="3"/>
      <c r="H6097" s="3"/>
      <c r="I6097" s="3"/>
      <c r="J6097" s="3"/>
      <c r="K6097" s="3"/>
      <c r="L6097" s="3"/>
    </row>
    <row r="6098" spans="1:12" s="22" customFormat="1" ht="27" customHeight="1" x14ac:dyDescent="0.15">
      <c r="A6098" s="13"/>
      <c r="B6098" s="14"/>
      <c r="C6098" s="13"/>
      <c r="D6098" s="14"/>
      <c r="E6098" s="14"/>
      <c r="F6098" s="16"/>
      <c r="G6098" s="3"/>
      <c r="H6098" s="3"/>
      <c r="I6098" s="3"/>
      <c r="J6098" s="3"/>
      <c r="K6098" s="3"/>
      <c r="L6098" s="3"/>
    </row>
    <row r="6099" spans="1:12" s="22" customFormat="1" ht="27" customHeight="1" x14ac:dyDescent="0.15">
      <c r="A6099" s="13"/>
      <c r="B6099" s="14"/>
      <c r="C6099" s="13"/>
      <c r="D6099" s="14"/>
      <c r="E6099" s="14"/>
      <c r="F6099" s="16"/>
      <c r="G6099" s="3"/>
      <c r="H6099" s="3"/>
      <c r="I6099" s="3"/>
      <c r="J6099" s="3"/>
      <c r="K6099" s="3"/>
      <c r="L6099" s="3"/>
    </row>
    <row r="6100" spans="1:12" s="22" customFormat="1" ht="27" customHeight="1" x14ac:dyDescent="0.15">
      <c r="A6100" s="13"/>
      <c r="B6100" s="14"/>
      <c r="C6100" s="13"/>
      <c r="D6100" s="14"/>
      <c r="E6100" s="14"/>
      <c r="F6100" s="16"/>
      <c r="G6100" s="3"/>
      <c r="H6100" s="3"/>
      <c r="I6100" s="3"/>
      <c r="J6100" s="3"/>
      <c r="K6100" s="3"/>
      <c r="L6100" s="3"/>
    </row>
    <row r="6101" spans="1:12" s="22" customFormat="1" ht="27" customHeight="1" x14ac:dyDescent="0.15">
      <c r="A6101" s="13"/>
      <c r="B6101" s="14"/>
      <c r="C6101" s="13"/>
      <c r="D6101" s="14"/>
      <c r="E6101" s="14"/>
      <c r="F6101" s="16"/>
      <c r="G6101" s="3"/>
      <c r="H6101" s="3"/>
      <c r="I6101" s="3"/>
      <c r="J6101" s="3"/>
      <c r="K6101" s="3"/>
      <c r="L6101" s="3"/>
    </row>
    <row r="6102" spans="1:12" s="22" customFormat="1" ht="27" customHeight="1" x14ac:dyDescent="0.15">
      <c r="A6102" s="13"/>
      <c r="B6102" s="14"/>
      <c r="C6102" s="13"/>
      <c r="D6102" s="14"/>
      <c r="E6102" s="14"/>
      <c r="F6102" s="16"/>
      <c r="G6102" s="3"/>
      <c r="H6102" s="3"/>
      <c r="I6102" s="3"/>
      <c r="J6102" s="3"/>
      <c r="K6102" s="3"/>
      <c r="L6102" s="3"/>
    </row>
    <row r="6103" spans="1:12" s="22" customFormat="1" ht="27" customHeight="1" x14ac:dyDescent="0.15">
      <c r="A6103" s="13"/>
      <c r="B6103" s="14"/>
      <c r="C6103" s="13"/>
      <c r="D6103" s="14"/>
      <c r="E6103" s="14"/>
      <c r="F6103" s="16"/>
      <c r="G6103" s="3"/>
      <c r="H6103" s="3"/>
      <c r="I6103" s="3"/>
      <c r="J6103" s="3"/>
      <c r="K6103" s="3"/>
      <c r="L6103" s="3"/>
    </row>
    <row r="6104" spans="1:12" s="22" customFormat="1" ht="27" customHeight="1" x14ac:dyDescent="0.15">
      <c r="A6104" s="13"/>
      <c r="B6104" s="14"/>
      <c r="C6104" s="13"/>
      <c r="D6104" s="14"/>
      <c r="E6104" s="14"/>
      <c r="F6104" s="16"/>
      <c r="G6104" s="3"/>
      <c r="H6104" s="3"/>
      <c r="I6104" s="3"/>
      <c r="J6104" s="3"/>
      <c r="K6104" s="3"/>
      <c r="L6104" s="3"/>
    </row>
    <row r="6105" spans="1:12" s="22" customFormat="1" ht="27" customHeight="1" x14ac:dyDescent="0.15">
      <c r="A6105" s="13"/>
      <c r="B6105" s="14"/>
      <c r="C6105" s="13"/>
      <c r="D6105" s="14"/>
      <c r="E6105" s="14"/>
      <c r="F6105" s="16"/>
      <c r="G6105" s="3"/>
      <c r="H6105" s="3"/>
      <c r="I6105" s="3"/>
      <c r="J6105" s="3"/>
      <c r="K6105" s="3"/>
      <c r="L6105" s="3"/>
    </row>
    <row r="6106" spans="1:12" s="22" customFormat="1" ht="27" customHeight="1" x14ac:dyDescent="0.15">
      <c r="A6106" s="13"/>
      <c r="B6106" s="14"/>
      <c r="C6106" s="13"/>
      <c r="D6106" s="14"/>
      <c r="E6106" s="14"/>
      <c r="F6106" s="16"/>
      <c r="G6106" s="3"/>
      <c r="H6106" s="3"/>
      <c r="I6106" s="3"/>
      <c r="J6106" s="3"/>
      <c r="K6106" s="3"/>
      <c r="L6106" s="3"/>
    </row>
    <row r="6107" spans="1:12" s="22" customFormat="1" ht="27" customHeight="1" x14ac:dyDescent="0.15">
      <c r="A6107" s="13"/>
      <c r="B6107" s="14"/>
      <c r="C6107" s="13"/>
      <c r="D6107" s="14"/>
      <c r="E6107" s="14"/>
      <c r="F6107" s="16"/>
      <c r="G6107" s="3"/>
      <c r="H6107" s="3"/>
      <c r="I6107" s="3"/>
      <c r="J6107" s="3"/>
      <c r="K6107" s="3"/>
      <c r="L6107" s="3"/>
    </row>
    <row r="6108" spans="1:12" s="22" customFormat="1" ht="27" customHeight="1" x14ac:dyDescent="0.15">
      <c r="A6108" s="13"/>
      <c r="B6108" s="14"/>
      <c r="C6108" s="13"/>
      <c r="D6108" s="14"/>
      <c r="E6108" s="14"/>
      <c r="F6108" s="16"/>
      <c r="G6108" s="3"/>
      <c r="H6108" s="3"/>
      <c r="I6108" s="3"/>
      <c r="J6108" s="3"/>
      <c r="K6108" s="3"/>
      <c r="L6108" s="3"/>
    </row>
    <row r="6109" spans="1:12" s="22" customFormat="1" ht="27" customHeight="1" x14ac:dyDescent="0.15">
      <c r="A6109" s="13"/>
      <c r="B6109" s="14"/>
      <c r="C6109" s="13"/>
      <c r="D6109" s="14"/>
      <c r="E6109" s="14"/>
      <c r="F6109" s="16"/>
      <c r="G6109" s="3"/>
      <c r="H6109" s="3"/>
      <c r="I6109" s="3"/>
      <c r="J6109" s="3"/>
      <c r="K6109" s="3"/>
      <c r="L6109" s="3"/>
    </row>
    <row r="6110" spans="1:12" s="22" customFormat="1" ht="27" customHeight="1" x14ac:dyDescent="0.15">
      <c r="A6110" s="13"/>
      <c r="B6110" s="14"/>
      <c r="C6110" s="13"/>
      <c r="D6110" s="14"/>
      <c r="E6110" s="14"/>
      <c r="F6110" s="16"/>
      <c r="G6110" s="3"/>
      <c r="H6110" s="3"/>
      <c r="I6110" s="3"/>
      <c r="J6110" s="3"/>
      <c r="K6110" s="3"/>
      <c r="L6110" s="3"/>
    </row>
    <row r="6111" spans="1:12" s="22" customFormat="1" ht="27" customHeight="1" x14ac:dyDescent="0.15">
      <c r="A6111" s="13"/>
      <c r="B6111" s="14"/>
      <c r="C6111" s="13"/>
      <c r="D6111" s="14"/>
      <c r="E6111" s="14"/>
      <c r="F6111" s="16"/>
      <c r="G6111" s="3"/>
      <c r="H6111" s="3"/>
      <c r="I6111" s="3"/>
      <c r="J6111" s="3"/>
      <c r="K6111" s="3"/>
      <c r="L6111" s="3"/>
    </row>
    <row r="6112" spans="1:12" s="22" customFormat="1" ht="27" customHeight="1" x14ac:dyDescent="0.15">
      <c r="A6112" s="13"/>
      <c r="B6112" s="14"/>
      <c r="C6112" s="13"/>
      <c r="D6112" s="14"/>
      <c r="E6112" s="14"/>
      <c r="F6112" s="16"/>
      <c r="G6112" s="3"/>
      <c r="H6112" s="3"/>
      <c r="I6112" s="3"/>
      <c r="J6112" s="3"/>
      <c r="K6112" s="3"/>
      <c r="L6112" s="3"/>
    </row>
    <row r="6113" spans="1:12" s="22" customFormat="1" ht="27" customHeight="1" x14ac:dyDescent="0.15">
      <c r="A6113" s="13"/>
      <c r="B6113" s="14"/>
      <c r="C6113" s="13"/>
      <c r="D6113" s="14"/>
      <c r="E6113" s="14"/>
      <c r="F6113" s="16"/>
      <c r="G6113" s="3"/>
      <c r="H6113" s="3"/>
      <c r="I6113" s="3"/>
      <c r="J6113" s="3"/>
      <c r="K6113" s="3"/>
      <c r="L6113" s="3"/>
    </row>
    <row r="6114" spans="1:12" s="22" customFormat="1" ht="27" customHeight="1" x14ac:dyDescent="0.15">
      <c r="A6114" s="13"/>
      <c r="B6114" s="14"/>
      <c r="C6114" s="13"/>
      <c r="D6114" s="14"/>
      <c r="E6114" s="14"/>
      <c r="F6114" s="16"/>
      <c r="G6114" s="3"/>
      <c r="H6114" s="3"/>
      <c r="I6114" s="3"/>
      <c r="J6114" s="3"/>
      <c r="K6114" s="3"/>
      <c r="L6114" s="3"/>
    </row>
    <row r="6115" spans="1:12" ht="27" customHeight="1" x14ac:dyDescent="0.15"/>
    <row r="6116" spans="1:12" ht="27" customHeight="1" x14ac:dyDescent="0.15"/>
    <row r="6117" spans="1:12" ht="27" customHeight="1" x14ac:dyDescent="0.15"/>
    <row r="6118" spans="1:12" ht="27" customHeight="1" x14ac:dyDescent="0.15"/>
    <row r="6119" spans="1:12" ht="27" customHeight="1" x14ac:dyDescent="0.15"/>
    <row r="6120" spans="1:12" ht="27" customHeight="1" x14ac:dyDescent="0.15"/>
    <row r="6121" spans="1:12" ht="27" customHeight="1" x14ac:dyDescent="0.15"/>
    <row r="6122" spans="1:12" ht="27" customHeight="1" x14ac:dyDescent="0.15"/>
    <row r="6123" spans="1:12" ht="27" customHeight="1" x14ac:dyDescent="0.15"/>
    <row r="6124" spans="1:12" ht="27" customHeight="1" x14ac:dyDescent="0.15"/>
    <row r="6125" spans="1:12" ht="27" customHeight="1" x14ac:dyDescent="0.15"/>
    <row r="6126" spans="1:12" ht="27" customHeight="1" x14ac:dyDescent="0.15"/>
    <row r="6127" spans="1:12" ht="27" customHeight="1" x14ac:dyDescent="0.15"/>
    <row r="6128" spans="1:12" ht="27" customHeight="1" x14ac:dyDescent="0.15"/>
    <row r="6129" ht="27" customHeight="1" x14ac:dyDescent="0.15"/>
    <row r="6130" ht="27" customHeight="1" x14ac:dyDescent="0.15"/>
    <row r="6131" ht="27" customHeight="1" x14ac:dyDescent="0.15"/>
    <row r="6132" ht="27" customHeight="1" x14ac:dyDescent="0.15"/>
    <row r="6133" ht="27" customHeight="1" x14ac:dyDescent="0.15"/>
    <row r="6134" ht="27" customHeight="1" x14ac:dyDescent="0.15"/>
    <row r="6135" ht="27" customHeight="1" x14ac:dyDescent="0.15"/>
    <row r="6136" ht="27" customHeight="1" x14ac:dyDescent="0.15"/>
    <row r="6137" ht="27" customHeight="1" x14ac:dyDescent="0.15"/>
    <row r="6138" ht="27" customHeight="1" x14ac:dyDescent="0.15"/>
    <row r="6139" ht="27" customHeight="1" x14ac:dyDescent="0.15"/>
    <row r="6140" ht="27" customHeight="1" x14ac:dyDescent="0.15"/>
    <row r="6141" ht="27" customHeight="1" x14ac:dyDescent="0.15"/>
    <row r="6142" ht="27" customHeight="1" x14ac:dyDescent="0.15"/>
    <row r="6143" ht="27" customHeight="1" x14ac:dyDescent="0.15"/>
    <row r="6144" ht="27" customHeight="1" x14ac:dyDescent="0.15"/>
    <row r="6145" ht="27" customHeight="1" x14ac:dyDescent="0.15"/>
    <row r="6146" ht="27" customHeight="1" x14ac:dyDescent="0.15"/>
    <row r="6147" ht="27" customHeight="1" x14ac:dyDescent="0.15"/>
    <row r="6148" ht="27" customHeight="1" x14ac:dyDescent="0.15"/>
    <row r="6149" ht="27" customHeight="1" x14ac:dyDescent="0.15"/>
    <row r="6150" ht="27" customHeight="1" x14ac:dyDescent="0.15"/>
    <row r="6151" ht="27" customHeight="1" x14ac:dyDescent="0.15"/>
    <row r="6152" ht="27" customHeight="1" x14ac:dyDescent="0.15"/>
    <row r="6153" ht="27" customHeight="1" x14ac:dyDescent="0.15"/>
    <row r="6154" ht="27" customHeight="1" x14ac:dyDescent="0.15"/>
    <row r="6155" ht="27" customHeight="1" x14ac:dyDescent="0.15"/>
    <row r="6156" ht="27" customHeight="1" x14ac:dyDescent="0.15"/>
    <row r="6157" ht="27" customHeight="1" x14ac:dyDescent="0.15"/>
    <row r="6158" ht="27" customHeight="1" x14ac:dyDescent="0.15"/>
    <row r="6159" ht="27" customHeight="1" x14ac:dyDescent="0.15"/>
    <row r="6160" ht="27" customHeight="1" x14ac:dyDescent="0.15"/>
    <row r="6161" ht="27" customHeight="1" x14ac:dyDescent="0.15"/>
    <row r="6162" ht="27" customHeight="1" x14ac:dyDescent="0.15"/>
    <row r="6163" ht="27" customHeight="1" x14ac:dyDescent="0.15"/>
    <row r="6164" ht="27" customHeight="1" x14ac:dyDescent="0.15"/>
    <row r="6165" ht="27" customHeight="1" x14ac:dyDescent="0.15"/>
    <row r="6166" ht="27" customHeight="1" x14ac:dyDescent="0.15"/>
    <row r="6167" ht="27" customHeight="1" x14ac:dyDescent="0.15"/>
    <row r="6168" ht="27" customHeight="1" x14ac:dyDescent="0.15"/>
    <row r="6169" ht="27" customHeight="1" x14ac:dyDescent="0.15"/>
    <row r="6170" ht="27" customHeight="1" x14ac:dyDescent="0.15"/>
    <row r="6171" ht="27" customHeight="1" x14ac:dyDescent="0.15"/>
    <row r="6172" ht="27" customHeight="1" x14ac:dyDescent="0.15"/>
    <row r="6173" ht="27" customHeight="1" x14ac:dyDescent="0.15"/>
    <row r="6174" ht="27" customHeight="1" x14ac:dyDescent="0.15"/>
    <row r="6175" ht="27" customHeight="1" x14ac:dyDescent="0.15"/>
    <row r="6176" ht="27" customHeight="1" x14ac:dyDescent="0.15"/>
    <row r="6177" ht="27" customHeight="1" x14ac:dyDescent="0.15"/>
    <row r="6178" ht="27" customHeight="1" x14ac:dyDescent="0.15"/>
    <row r="6179" ht="27" customHeight="1" x14ac:dyDescent="0.15"/>
    <row r="6180" ht="27" customHeight="1" x14ac:dyDescent="0.15"/>
    <row r="6181" ht="27" customHeight="1" x14ac:dyDescent="0.15"/>
    <row r="6182" ht="27" customHeight="1" x14ac:dyDescent="0.15"/>
    <row r="6183" ht="27" customHeight="1" x14ac:dyDescent="0.15"/>
    <row r="6184" ht="27" customHeight="1" x14ac:dyDescent="0.15"/>
    <row r="6185" ht="27" customHeight="1" x14ac:dyDescent="0.15"/>
    <row r="6186" ht="27" customHeight="1" x14ac:dyDescent="0.15"/>
    <row r="6187" ht="27" customHeight="1" x14ac:dyDescent="0.15"/>
    <row r="6188" ht="27" customHeight="1" x14ac:dyDescent="0.15"/>
    <row r="6189" ht="27" customHeight="1" x14ac:dyDescent="0.15"/>
    <row r="6190" ht="27" customHeight="1" x14ac:dyDescent="0.15"/>
    <row r="6191" ht="27" customHeight="1" x14ac:dyDescent="0.15"/>
    <row r="6192" ht="27" customHeight="1" x14ac:dyDescent="0.15"/>
    <row r="6193" ht="27" customHeight="1" x14ac:dyDescent="0.15"/>
    <row r="6194" ht="27" customHeight="1" x14ac:dyDescent="0.15"/>
    <row r="6195" ht="27" customHeight="1" x14ac:dyDescent="0.15"/>
    <row r="6196" ht="27" customHeight="1" x14ac:dyDescent="0.15"/>
    <row r="6197" ht="27" customHeight="1" x14ac:dyDescent="0.15"/>
    <row r="6198" ht="27" customHeight="1" x14ac:dyDescent="0.15"/>
    <row r="6199" ht="27" customHeight="1" x14ac:dyDescent="0.15"/>
    <row r="6200" ht="27" customHeight="1" x14ac:dyDescent="0.15"/>
    <row r="6201" ht="27" customHeight="1" x14ac:dyDescent="0.15"/>
    <row r="6202" ht="27" customHeight="1" x14ac:dyDescent="0.15"/>
    <row r="6203" ht="27" customHeight="1" x14ac:dyDescent="0.15"/>
    <row r="6204" ht="27" customHeight="1" x14ac:dyDescent="0.15"/>
    <row r="6205" ht="27" customHeight="1" x14ac:dyDescent="0.15"/>
    <row r="6206" ht="27" customHeight="1" x14ac:dyDescent="0.15"/>
    <row r="6207" ht="27" customHeight="1" x14ac:dyDescent="0.15"/>
    <row r="6208" ht="27" customHeight="1" x14ac:dyDescent="0.15"/>
    <row r="6209" ht="27" customHeight="1" x14ac:dyDescent="0.15"/>
    <row r="6210" ht="27" customHeight="1" x14ac:dyDescent="0.15"/>
    <row r="6211" ht="27" customHeight="1" x14ac:dyDescent="0.15"/>
    <row r="6212" ht="27" customHeight="1" x14ac:dyDescent="0.15"/>
    <row r="6213" ht="27" customHeight="1" x14ac:dyDescent="0.15"/>
    <row r="6214" ht="27" customHeight="1" x14ac:dyDescent="0.15"/>
    <row r="6215" ht="27" customHeight="1" x14ac:dyDescent="0.15"/>
    <row r="6216" ht="27" customHeight="1" x14ac:dyDescent="0.15"/>
    <row r="6217" ht="27" customHeight="1" x14ac:dyDescent="0.15"/>
    <row r="6218" ht="27" customHeight="1" x14ac:dyDescent="0.15"/>
    <row r="6219" ht="27" customHeight="1" x14ac:dyDescent="0.15"/>
    <row r="6220" ht="27" customHeight="1" x14ac:dyDescent="0.15"/>
    <row r="6221" ht="27" customHeight="1" x14ac:dyDescent="0.15"/>
    <row r="6222" ht="27" customHeight="1" x14ac:dyDescent="0.15"/>
    <row r="6223" ht="27" customHeight="1" x14ac:dyDescent="0.15"/>
    <row r="6224" ht="27" customHeight="1" x14ac:dyDescent="0.15"/>
    <row r="6225" ht="27" customHeight="1" x14ac:dyDescent="0.15"/>
    <row r="6226" ht="27" customHeight="1" x14ac:dyDescent="0.15"/>
    <row r="6227" ht="27" customHeight="1" x14ac:dyDescent="0.15"/>
    <row r="6228" ht="27" customHeight="1" x14ac:dyDescent="0.15"/>
    <row r="6229" ht="27" customHeight="1" x14ac:dyDescent="0.15"/>
    <row r="6230" ht="27" customHeight="1" x14ac:dyDescent="0.15"/>
    <row r="6231" ht="27" customHeight="1" x14ac:dyDescent="0.15"/>
    <row r="6232" ht="27" customHeight="1" x14ac:dyDescent="0.15"/>
    <row r="6233" ht="27" customHeight="1" x14ac:dyDescent="0.15"/>
    <row r="6234" ht="27" customHeight="1" x14ac:dyDescent="0.15"/>
    <row r="6235" ht="27" customHeight="1" x14ac:dyDescent="0.15"/>
    <row r="6236" ht="27" customHeight="1" x14ac:dyDescent="0.15"/>
    <row r="6237" ht="27" customHeight="1" x14ac:dyDescent="0.15"/>
    <row r="6238" ht="27" customHeight="1" x14ac:dyDescent="0.15"/>
    <row r="6239" ht="27" customHeight="1" x14ac:dyDescent="0.15"/>
    <row r="6240" ht="27" customHeight="1" x14ac:dyDescent="0.15"/>
    <row r="6241" ht="27" customHeight="1" x14ac:dyDescent="0.15"/>
    <row r="6242" ht="27" customHeight="1" x14ac:dyDescent="0.15"/>
    <row r="6243" ht="27" customHeight="1" x14ac:dyDescent="0.15"/>
    <row r="6244" ht="27" customHeight="1" x14ac:dyDescent="0.15"/>
    <row r="6245" ht="27" customHeight="1" x14ac:dyDescent="0.15"/>
    <row r="6246" ht="27" customHeight="1" x14ac:dyDescent="0.15"/>
    <row r="6247" ht="27" customHeight="1" x14ac:dyDescent="0.15"/>
    <row r="6248" ht="27" customHeight="1" x14ac:dyDescent="0.15"/>
    <row r="6249" ht="27" customHeight="1" x14ac:dyDescent="0.15"/>
    <row r="6250" ht="27" customHeight="1" x14ac:dyDescent="0.15"/>
    <row r="6251" ht="27" customHeight="1" x14ac:dyDescent="0.15"/>
    <row r="6252" ht="27" customHeight="1" x14ac:dyDescent="0.15"/>
    <row r="6253" ht="27" customHeight="1" x14ac:dyDescent="0.15"/>
    <row r="6254" ht="27" customHeight="1" x14ac:dyDescent="0.15"/>
    <row r="6255" ht="27" customHeight="1" x14ac:dyDescent="0.15"/>
    <row r="6256" ht="27" customHeight="1" x14ac:dyDescent="0.15"/>
    <row r="6257" ht="27" customHeight="1" x14ac:dyDescent="0.15"/>
    <row r="6258" ht="27" customHeight="1" x14ac:dyDescent="0.15"/>
    <row r="6259" ht="27" customHeight="1" x14ac:dyDescent="0.15"/>
    <row r="6260" ht="27" customHeight="1" x14ac:dyDescent="0.15"/>
    <row r="6261" ht="27" customHeight="1" x14ac:dyDescent="0.15"/>
    <row r="6262" ht="27" customHeight="1" x14ac:dyDescent="0.15"/>
    <row r="6263" ht="27" customHeight="1" x14ac:dyDescent="0.15"/>
    <row r="6264" ht="27" customHeight="1" x14ac:dyDescent="0.15"/>
    <row r="6265" ht="27" customHeight="1" x14ac:dyDescent="0.15"/>
    <row r="6266" ht="27" customHeight="1" x14ac:dyDescent="0.15"/>
    <row r="6267" ht="27" customHeight="1" x14ac:dyDescent="0.15"/>
    <row r="6268" ht="27" customHeight="1" x14ac:dyDescent="0.15"/>
    <row r="6269" ht="27" customHeight="1" x14ac:dyDescent="0.15"/>
    <row r="6270" ht="27" customHeight="1" x14ac:dyDescent="0.15"/>
    <row r="6271" ht="27" customHeight="1" x14ac:dyDescent="0.15"/>
    <row r="6272" ht="27" customHeight="1" x14ac:dyDescent="0.15"/>
    <row r="6273" ht="27" customHeight="1" x14ac:dyDescent="0.15"/>
    <row r="6274" ht="27" customHeight="1" x14ac:dyDescent="0.15"/>
    <row r="6275" ht="27" customHeight="1" x14ac:dyDescent="0.15"/>
    <row r="6276" ht="27" customHeight="1" x14ac:dyDescent="0.15"/>
    <row r="6277" ht="27" customHeight="1" x14ac:dyDescent="0.15"/>
    <row r="6278" ht="27" customHeight="1" x14ac:dyDescent="0.15"/>
    <row r="6279" ht="27" customHeight="1" x14ac:dyDescent="0.15"/>
    <row r="6280" ht="27" customHeight="1" x14ac:dyDescent="0.15"/>
    <row r="6281" ht="27" customHeight="1" x14ac:dyDescent="0.15"/>
    <row r="6282" ht="27" customHeight="1" x14ac:dyDescent="0.15"/>
    <row r="6283" ht="27" customHeight="1" x14ac:dyDescent="0.15"/>
    <row r="6284" ht="27" customHeight="1" x14ac:dyDescent="0.15"/>
    <row r="6285" ht="27" customHeight="1" x14ac:dyDescent="0.15"/>
    <row r="6286" ht="27" customHeight="1" x14ac:dyDescent="0.15"/>
    <row r="6287" ht="27" customHeight="1" x14ac:dyDescent="0.15"/>
    <row r="6288" ht="27" customHeight="1" x14ac:dyDescent="0.15"/>
    <row r="6289" ht="27" customHeight="1" x14ac:dyDescent="0.15"/>
    <row r="6290" ht="27" customHeight="1" x14ac:dyDescent="0.15"/>
    <row r="6291" ht="27" customHeight="1" x14ac:dyDescent="0.15"/>
    <row r="6292" ht="27" customHeight="1" x14ac:dyDescent="0.15"/>
    <row r="6293" ht="27" customHeight="1" x14ac:dyDescent="0.15"/>
    <row r="6294" ht="27" customHeight="1" x14ac:dyDescent="0.15"/>
    <row r="6295" ht="27" customHeight="1" x14ac:dyDescent="0.15"/>
    <row r="6296" ht="27" customHeight="1" x14ac:dyDescent="0.15"/>
    <row r="6297" ht="27" customHeight="1" x14ac:dyDescent="0.15"/>
    <row r="6298" ht="27" customHeight="1" x14ac:dyDescent="0.15"/>
    <row r="6299" ht="27" customHeight="1" x14ac:dyDescent="0.15"/>
    <row r="6300" ht="27" customHeight="1" x14ac:dyDescent="0.15"/>
    <row r="6301" ht="27" customHeight="1" x14ac:dyDescent="0.15"/>
    <row r="6302" ht="27" customHeight="1" x14ac:dyDescent="0.15"/>
    <row r="6303" ht="27" customHeight="1" x14ac:dyDescent="0.15"/>
    <row r="6304" ht="27" customHeight="1" x14ac:dyDescent="0.15"/>
    <row r="6305" ht="27" customHeight="1" x14ac:dyDescent="0.15"/>
    <row r="6306" ht="27" customHeight="1" x14ac:dyDescent="0.15"/>
    <row r="6307" ht="27" customHeight="1" x14ac:dyDescent="0.15"/>
    <row r="6308" ht="27" customHeight="1" x14ac:dyDescent="0.15"/>
    <row r="6309" ht="27" customHeight="1" x14ac:dyDescent="0.15"/>
    <row r="6310" ht="27" customHeight="1" x14ac:dyDescent="0.15"/>
    <row r="6311" ht="27" customHeight="1" x14ac:dyDescent="0.15"/>
    <row r="6312" ht="27" customHeight="1" x14ac:dyDescent="0.15"/>
    <row r="6313" ht="27" customHeight="1" x14ac:dyDescent="0.15"/>
    <row r="6314" ht="27" customHeight="1" x14ac:dyDescent="0.15"/>
    <row r="6315" ht="27" customHeight="1" x14ac:dyDescent="0.15"/>
    <row r="6316" ht="27" customHeight="1" x14ac:dyDescent="0.15"/>
    <row r="6317" ht="27" customHeight="1" x14ac:dyDescent="0.15"/>
    <row r="6318" ht="27" customHeight="1" x14ac:dyDescent="0.15"/>
    <row r="6319" ht="27" customHeight="1" x14ac:dyDescent="0.15"/>
    <row r="6320" ht="27" customHeight="1" x14ac:dyDescent="0.15"/>
    <row r="6321" ht="27" customHeight="1" x14ac:dyDescent="0.15"/>
    <row r="6322" ht="27" customHeight="1" x14ac:dyDescent="0.15"/>
    <row r="6323" ht="27" customHeight="1" x14ac:dyDescent="0.15"/>
    <row r="6324" ht="27" customHeight="1" x14ac:dyDescent="0.15"/>
    <row r="6325" ht="27" customHeight="1" x14ac:dyDescent="0.15"/>
    <row r="6326" ht="27" customHeight="1" x14ac:dyDescent="0.15"/>
    <row r="6327" ht="27" customHeight="1" x14ac:dyDescent="0.15"/>
    <row r="6328" ht="27" customHeight="1" x14ac:dyDescent="0.15"/>
    <row r="6329" ht="27" customHeight="1" x14ac:dyDescent="0.15"/>
    <row r="6330" ht="27" customHeight="1" x14ac:dyDescent="0.15"/>
    <row r="6331" ht="27" customHeight="1" x14ac:dyDescent="0.15"/>
    <row r="6332" ht="27" customHeight="1" x14ac:dyDescent="0.15"/>
    <row r="6333" ht="27" customHeight="1" x14ac:dyDescent="0.15"/>
    <row r="6334" ht="27" customHeight="1" x14ac:dyDescent="0.15"/>
    <row r="6335" ht="27" customHeight="1" x14ac:dyDescent="0.15"/>
    <row r="6336" ht="27" customHeight="1" x14ac:dyDescent="0.15"/>
    <row r="6337" ht="27" customHeight="1" x14ac:dyDescent="0.15"/>
    <row r="6338" ht="27" customHeight="1" x14ac:dyDescent="0.15"/>
    <row r="6339" ht="27" customHeight="1" x14ac:dyDescent="0.15"/>
    <row r="6340" ht="27" customHeight="1" x14ac:dyDescent="0.15"/>
    <row r="6341" ht="27" customHeight="1" x14ac:dyDescent="0.15"/>
    <row r="6342" ht="27" customHeight="1" x14ac:dyDescent="0.15"/>
    <row r="6343" ht="27" customHeight="1" x14ac:dyDescent="0.15"/>
    <row r="6344" ht="27" customHeight="1" x14ac:dyDescent="0.15"/>
    <row r="6345" ht="27" customHeight="1" x14ac:dyDescent="0.15"/>
    <row r="6346" ht="27" customHeight="1" x14ac:dyDescent="0.15"/>
    <row r="6347" ht="27" customHeight="1" x14ac:dyDescent="0.15"/>
    <row r="6348" ht="27" customHeight="1" x14ac:dyDescent="0.15"/>
    <row r="6349" ht="27" customHeight="1" x14ac:dyDescent="0.15"/>
    <row r="6350" ht="27" customHeight="1" x14ac:dyDescent="0.15"/>
    <row r="6351" ht="27" customHeight="1" x14ac:dyDescent="0.15"/>
    <row r="6352" ht="27" customHeight="1" x14ac:dyDescent="0.15"/>
    <row r="6353" ht="27" customHeight="1" x14ac:dyDescent="0.15"/>
    <row r="6354" ht="27" customHeight="1" x14ac:dyDescent="0.15"/>
    <row r="6355" ht="27" customHeight="1" x14ac:dyDescent="0.15"/>
    <row r="6356" ht="27" customHeight="1" x14ac:dyDescent="0.15"/>
    <row r="6357" ht="27" customHeight="1" x14ac:dyDescent="0.15"/>
    <row r="6358" ht="27" customHeight="1" x14ac:dyDescent="0.15"/>
    <row r="6359" ht="27" customHeight="1" x14ac:dyDescent="0.15"/>
    <row r="6360" ht="27" customHeight="1" x14ac:dyDescent="0.15"/>
    <row r="6361" ht="27" customHeight="1" x14ac:dyDescent="0.15"/>
    <row r="6362" ht="27" customHeight="1" x14ac:dyDescent="0.15"/>
    <row r="6363" ht="27" customHeight="1" x14ac:dyDescent="0.15"/>
    <row r="6364" ht="27" customHeight="1" x14ac:dyDescent="0.15"/>
    <row r="6365" ht="27" customHeight="1" x14ac:dyDescent="0.15"/>
    <row r="6366" ht="27" customHeight="1" x14ac:dyDescent="0.15"/>
    <row r="6367" ht="27" customHeight="1" x14ac:dyDescent="0.15"/>
    <row r="6368" ht="27" customHeight="1" x14ac:dyDescent="0.15"/>
    <row r="6369" ht="27" customHeight="1" x14ac:dyDescent="0.15"/>
    <row r="6370" ht="27" customHeight="1" x14ac:dyDescent="0.15"/>
    <row r="6371" ht="27" customHeight="1" x14ac:dyDescent="0.15"/>
    <row r="6372" ht="27" customHeight="1" x14ac:dyDescent="0.15"/>
    <row r="6373" ht="27" customHeight="1" x14ac:dyDescent="0.15"/>
    <row r="6374" ht="27" customHeight="1" x14ac:dyDescent="0.15"/>
    <row r="6375" ht="27" customHeight="1" x14ac:dyDescent="0.15"/>
    <row r="6376" ht="27" customHeight="1" x14ac:dyDescent="0.15"/>
    <row r="6377" ht="27" customHeight="1" x14ac:dyDescent="0.15"/>
    <row r="6378" ht="27" customHeight="1" x14ac:dyDescent="0.15"/>
    <row r="6379" ht="27" customHeight="1" x14ac:dyDescent="0.15"/>
    <row r="6380" ht="27" customHeight="1" x14ac:dyDescent="0.15"/>
    <row r="6381" ht="27" customHeight="1" x14ac:dyDescent="0.15"/>
    <row r="6382" ht="27" customHeight="1" x14ac:dyDescent="0.15"/>
    <row r="6383" ht="27" customHeight="1" x14ac:dyDescent="0.15"/>
    <row r="6384" ht="27" customHeight="1" x14ac:dyDescent="0.15"/>
    <row r="6385" ht="27" customHeight="1" x14ac:dyDescent="0.15"/>
    <row r="6386" ht="27" customHeight="1" x14ac:dyDescent="0.15"/>
    <row r="6387" ht="27" customHeight="1" x14ac:dyDescent="0.15"/>
    <row r="6388" ht="27" customHeight="1" x14ac:dyDescent="0.15"/>
    <row r="6389" ht="27" customHeight="1" x14ac:dyDescent="0.15"/>
    <row r="6390" ht="27" customHeight="1" x14ac:dyDescent="0.15"/>
    <row r="6391" ht="27" customHeight="1" x14ac:dyDescent="0.15"/>
    <row r="6392" ht="27" customHeight="1" x14ac:dyDescent="0.15"/>
    <row r="6393" ht="27" customHeight="1" x14ac:dyDescent="0.15"/>
    <row r="6394" ht="27" customHeight="1" x14ac:dyDescent="0.15"/>
    <row r="6395" ht="27" customHeight="1" x14ac:dyDescent="0.15"/>
    <row r="6396" ht="27" customHeight="1" x14ac:dyDescent="0.15"/>
    <row r="6397" ht="27" customHeight="1" x14ac:dyDescent="0.15"/>
    <row r="6398" ht="27" customHeight="1" x14ac:dyDescent="0.15"/>
    <row r="6399" ht="27" customHeight="1" x14ac:dyDescent="0.15"/>
    <row r="6400" ht="27" customHeight="1" x14ac:dyDescent="0.15"/>
    <row r="6401" ht="27" customHeight="1" x14ac:dyDescent="0.15"/>
    <row r="6402" ht="27" customHeight="1" x14ac:dyDescent="0.15"/>
    <row r="6403" ht="27" customHeight="1" x14ac:dyDescent="0.15"/>
    <row r="6404" ht="27" customHeight="1" x14ac:dyDescent="0.15"/>
    <row r="6405" ht="27" customHeight="1" x14ac:dyDescent="0.15"/>
    <row r="6406" ht="27" customHeight="1" x14ac:dyDescent="0.15"/>
    <row r="6407" ht="27" customHeight="1" x14ac:dyDescent="0.15"/>
    <row r="6408" ht="27" customHeight="1" x14ac:dyDescent="0.15"/>
    <row r="6409" ht="27" customHeight="1" x14ac:dyDescent="0.15"/>
    <row r="6410" ht="27" customHeight="1" x14ac:dyDescent="0.15"/>
    <row r="6411" ht="27" customHeight="1" x14ac:dyDescent="0.15"/>
    <row r="6412" ht="27" customHeight="1" x14ac:dyDescent="0.15"/>
    <row r="6413" ht="27" customHeight="1" x14ac:dyDescent="0.15"/>
    <row r="6414" ht="27" customHeight="1" x14ac:dyDescent="0.15"/>
    <row r="6415" ht="27" customHeight="1" x14ac:dyDescent="0.15"/>
    <row r="6416" ht="27" customHeight="1" x14ac:dyDescent="0.15"/>
    <row r="6417" ht="27" customHeight="1" x14ac:dyDescent="0.15"/>
    <row r="6418" ht="27" customHeight="1" x14ac:dyDescent="0.15"/>
    <row r="6419" ht="27" customHeight="1" x14ac:dyDescent="0.15"/>
    <row r="6420" ht="27" customHeight="1" x14ac:dyDescent="0.15"/>
    <row r="6421" ht="27" customHeight="1" x14ac:dyDescent="0.15"/>
    <row r="6422" ht="27" customHeight="1" x14ac:dyDescent="0.15"/>
    <row r="6423" ht="27" customHeight="1" x14ac:dyDescent="0.15"/>
    <row r="6424" ht="27" customHeight="1" x14ac:dyDescent="0.15"/>
    <row r="6425" ht="27" customHeight="1" x14ac:dyDescent="0.15"/>
    <row r="6426" ht="27" customHeight="1" x14ac:dyDescent="0.15"/>
    <row r="6427" ht="27" customHeight="1" x14ac:dyDescent="0.15"/>
    <row r="6428" ht="27" customHeight="1" x14ac:dyDescent="0.15"/>
    <row r="6429" ht="27" customHeight="1" x14ac:dyDescent="0.15"/>
    <row r="6430" ht="27" customHeight="1" x14ac:dyDescent="0.15"/>
    <row r="6431" ht="27" customHeight="1" x14ac:dyDescent="0.15"/>
    <row r="6432" ht="27" customHeight="1" x14ac:dyDescent="0.15"/>
    <row r="6433" ht="27" customHeight="1" x14ac:dyDescent="0.15"/>
    <row r="6434" ht="27" customHeight="1" x14ac:dyDescent="0.15"/>
    <row r="6435" ht="27" customHeight="1" x14ac:dyDescent="0.15"/>
    <row r="6436" ht="27" customHeight="1" x14ac:dyDescent="0.15"/>
    <row r="6437" ht="27" customHeight="1" x14ac:dyDescent="0.15"/>
    <row r="6438" ht="27" customHeight="1" x14ac:dyDescent="0.15"/>
    <row r="6439" ht="27" customHeight="1" x14ac:dyDescent="0.15"/>
    <row r="6440" ht="27" customHeight="1" x14ac:dyDescent="0.15"/>
    <row r="6441" ht="27" customHeight="1" x14ac:dyDescent="0.15"/>
    <row r="6442" ht="27" customHeight="1" x14ac:dyDescent="0.15"/>
    <row r="6443" ht="27" customHeight="1" x14ac:dyDescent="0.15"/>
    <row r="6444" ht="27" customHeight="1" x14ac:dyDescent="0.15"/>
    <row r="6445" ht="27" customHeight="1" x14ac:dyDescent="0.15"/>
    <row r="6446" ht="27" customHeight="1" x14ac:dyDescent="0.15"/>
    <row r="6447" ht="27" customHeight="1" x14ac:dyDescent="0.15"/>
    <row r="6448" ht="27" customHeight="1" x14ac:dyDescent="0.15"/>
    <row r="6449" ht="27" customHeight="1" x14ac:dyDescent="0.15"/>
    <row r="6450" ht="27" customHeight="1" x14ac:dyDescent="0.15"/>
    <row r="6451" ht="27" customHeight="1" x14ac:dyDescent="0.15"/>
    <row r="6452" ht="27" customHeight="1" x14ac:dyDescent="0.15"/>
    <row r="6453" ht="27" customHeight="1" x14ac:dyDescent="0.15"/>
    <row r="6454" ht="27" customHeight="1" x14ac:dyDescent="0.15"/>
    <row r="6455" ht="27" customHeight="1" x14ac:dyDescent="0.15"/>
    <row r="6456" ht="27" customHeight="1" x14ac:dyDescent="0.15"/>
    <row r="6457" ht="27" customHeight="1" x14ac:dyDescent="0.15"/>
    <row r="6458" ht="27" customHeight="1" x14ac:dyDescent="0.15"/>
    <row r="6459" ht="27" customHeight="1" x14ac:dyDescent="0.15"/>
    <row r="6460" ht="27" customHeight="1" x14ac:dyDescent="0.15"/>
    <row r="6461" ht="27" customHeight="1" x14ac:dyDescent="0.15"/>
    <row r="6462" ht="27" customHeight="1" x14ac:dyDescent="0.15"/>
    <row r="6463" ht="27" customHeight="1" x14ac:dyDescent="0.15"/>
    <row r="6464" ht="27" customHeight="1" x14ac:dyDescent="0.15"/>
    <row r="6465" ht="27" customHeight="1" x14ac:dyDescent="0.15"/>
    <row r="6466" ht="27" customHeight="1" x14ac:dyDescent="0.15"/>
    <row r="6467" ht="27" customHeight="1" x14ac:dyDescent="0.15"/>
    <row r="6468" ht="27" customHeight="1" x14ac:dyDescent="0.15"/>
    <row r="6469" ht="27" customHeight="1" x14ac:dyDescent="0.15"/>
    <row r="6470" ht="27" customHeight="1" x14ac:dyDescent="0.15"/>
    <row r="6471" ht="27" customHeight="1" x14ac:dyDescent="0.15"/>
    <row r="6472" ht="27" customHeight="1" x14ac:dyDescent="0.15"/>
    <row r="6473" ht="27" customHeight="1" x14ac:dyDescent="0.15"/>
    <row r="6474" ht="27" customHeight="1" x14ac:dyDescent="0.15"/>
    <row r="6475" ht="27" customHeight="1" x14ac:dyDescent="0.15"/>
    <row r="6476" ht="27" customHeight="1" x14ac:dyDescent="0.15"/>
    <row r="6477" ht="27" customHeight="1" x14ac:dyDescent="0.15"/>
    <row r="6478" ht="27" customHeight="1" x14ac:dyDescent="0.15"/>
    <row r="6479" ht="27" customHeight="1" x14ac:dyDescent="0.15"/>
    <row r="6480" ht="27" customHeight="1" x14ac:dyDescent="0.15"/>
    <row r="6481" ht="27" customHeight="1" x14ac:dyDescent="0.15"/>
    <row r="6482" ht="27" customHeight="1" x14ac:dyDescent="0.15"/>
    <row r="6483" ht="27" customHeight="1" x14ac:dyDescent="0.15"/>
    <row r="6484" ht="27" customHeight="1" x14ac:dyDescent="0.15"/>
    <row r="6485" ht="27" customHeight="1" x14ac:dyDescent="0.15"/>
    <row r="6486" ht="27" customHeight="1" x14ac:dyDescent="0.15"/>
    <row r="6487" ht="27" customHeight="1" x14ac:dyDescent="0.15"/>
    <row r="6488" ht="27" customHeight="1" x14ac:dyDescent="0.15"/>
    <row r="6489" ht="27" customHeight="1" x14ac:dyDescent="0.15"/>
    <row r="6490" ht="27" customHeight="1" x14ac:dyDescent="0.15"/>
    <row r="6491" ht="27" customHeight="1" x14ac:dyDescent="0.15"/>
    <row r="6492" ht="27" customHeight="1" x14ac:dyDescent="0.15"/>
    <row r="6493" ht="27" customHeight="1" x14ac:dyDescent="0.15"/>
    <row r="6494" ht="27" customHeight="1" x14ac:dyDescent="0.15"/>
    <row r="6495" ht="27" customHeight="1" x14ac:dyDescent="0.15"/>
    <row r="6496" ht="27" customHeight="1" x14ac:dyDescent="0.15"/>
    <row r="6497" ht="27" customHeight="1" x14ac:dyDescent="0.15"/>
    <row r="6498" ht="27" customHeight="1" x14ac:dyDescent="0.15"/>
    <row r="6499" ht="27" customHeight="1" x14ac:dyDescent="0.15"/>
    <row r="6500" ht="27" customHeight="1" x14ac:dyDescent="0.15"/>
    <row r="6501" ht="27" customHeight="1" x14ac:dyDescent="0.15"/>
    <row r="6502" ht="27" customHeight="1" x14ac:dyDescent="0.15"/>
    <row r="6503" ht="27" customHeight="1" x14ac:dyDescent="0.15"/>
    <row r="6504" ht="27" customHeight="1" x14ac:dyDescent="0.15"/>
    <row r="6505" ht="27" customHeight="1" x14ac:dyDescent="0.15"/>
    <row r="6506" ht="27" customHeight="1" x14ac:dyDescent="0.15"/>
    <row r="6507" ht="27" customHeight="1" x14ac:dyDescent="0.15"/>
    <row r="6508" ht="27" customHeight="1" x14ac:dyDescent="0.15"/>
    <row r="6509" ht="27" customHeight="1" x14ac:dyDescent="0.15"/>
    <row r="6510" ht="27" customHeight="1" x14ac:dyDescent="0.15"/>
    <row r="6511" ht="27" customHeight="1" x14ac:dyDescent="0.15"/>
    <row r="6512" ht="27" customHeight="1" x14ac:dyDescent="0.15"/>
    <row r="6513" ht="27" customHeight="1" x14ac:dyDescent="0.15"/>
    <row r="6514" ht="27" customHeight="1" x14ac:dyDescent="0.15"/>
    <row r="6515" ht="27" customHeight="1" x14ac:dyDescent="0.15"/>
    <row r="6516" ht="27" customHeight="1" x14ac:dyDescent="0.15"/>
    <row r="6517" ht="27" customHeight="1" x14ac:dyDescent="0.15"/>
    <row r="6518" ht="27" customHeight="1" x14ac:dyDescent="0.15"/>
    <row r="6519" ht="27" customHeight="1" x14ac:dyDescent="0.15"/>
    <row r="6520" ht="27" customHeight="1" x14ac:dyDescent="0.15"/>
    <row r="6521" ht="27" customHeight="1" x14ac:dyDescent="0.15"/>
    <row r="6522" ht="27" customHeight="1" x14ac:dyDescent="0.15"/>
    <row r="6523" ht="27" customHeight="1" x14ac:dyDescent="0.15"/>
    <row r="6524" ht="27" customHeight="1" x14ac:dyDescent="0.15"/>
    <row r="6525" ht="27" customHeight="1" x14ac:dyDescent="0.15"/>
    <row r="6526" ht="27" customHeight="1" x14ac:dyDescent="0.15"/>
    <row r="6527" ht="27" customHeight="1" x14ac:dyDescent="0.15"/>
    <row r="6528" ht="27" customHeight="1" x14ac:dyDescent="0.15"/>
    <row r="6529" ht="27" customHeight="1" x14ac:dyDescent="0.15"/>
    <row r="6530" ht="27" customHeight="1" x14ac:dyDescent="0.15"/>
    <row r="6531" ht="27" customHeight="1" x14ac:dyDescent="0.15"/>
    <row r="6532" ht="27" customHeight="1" x14ac:dyDescent="0.15"/>
    <row r="6533" ht="27" customHeight="1" x14ac:dyDescent="0.15"/>
    <row r="6534" ht="27" customHeight="1" x14ac:dyDescent="0.15"/>
    <row r="6535" ht="27" customHeight="1" x14ac:dyDescent="0.15"/>
    <row r="6536" ht="27" customHeight="1" x14ac:dyDescent="0.15"/>
    <row r="6537" ht="27" customHeight="1" x14ac:dyDescent="0.15"/>
    <row r="6538" ht="27" customHeight="1" x14ac:dyDescent="0.15"/>
    <row r="6539" ht="27" customHeight="1" x14ac:dyDescent="0.15"/>
    <row r="6540" ht="27" customHeight="1" x14ac:dyDescent="0.15"/>
    <row r="6541" ht="27" customHeight="1" x14ac:dyDescent="0.15"/>
    <row r="6542" ht="27" customHeight="1" x14ac:dyDescent="0.15"/>
    <row r="6543" ht="27" customHeight="1" x14ac:dyDescent="0.15"/>
    <row r="6544" ht="27" customHeight="1" x14ac:dyDescent="0.15"/>
    <row r="6545" ht="27" customHeight="1" x14ac:dyDescent="0.15"/>
    <row r="6546" ht="27" customHeight="1" x14ac:dyDescent="0.15"/>
    <row r="6547" ht="27" customHeight="1" x14ac:dyDescent="0.15"/>
    <row r="6548" ht="27" customHeight="1" x14ac:dyDescent="0.15"/>
    <row r="6549" ht="27" customHeight="1" x14ac:dyDescent="0.15"/>
    <row r="6550" ht="27" customHeight="1" x14ac:dyDescent="0.15"/>
    <row r="6551" ht="27" customHeight="1" x14ac:dyDescent="0.15"/>
    <row r="6552" ht="27" customHeight="1" x14ac:dyDescent="0.15"/>
    <row r="6553" ht="27" customHeight="1" x14ac:dyDescent="0.15"/>
    <row r="6554" ht="27" customHeight="1" x14ac:dyDescent="0.15"/>
    <row r="6555" ht="27" customHeight="1" x14ac:dyDescent="0.15"/>
    <row r="6556" ht="27" customHeight="1" x14ac:dyDescent="0.15"/>
    <row r="6557" ht="27" customHeight="1" x14ac:dyDescent="0.15"/>
    <row r="6558" ht="27" customHeight="1" x14ac:dyDescent="0.15"/>
    <row r="6559" ht="27" customHeight="1" x14ac:dyDescent="0.15"/>
    <row r="6560" ht="27" customHeight="1" x14ac:dyDescent="0.15"/>
    <row r="6561" ht="27" customHeight="1" x14ac:dyDescent="0.15"/>
    <row r="6562" ht="27" customHeight="1" x14ac:dyDescent="0.15"/>
    <row r="6563" ht="27" customHeight="1" x14ac:dyDescent="0.15"/>
    <row r="6564" ht="27" customHeight="1" x14ac:dyDescent="0.15"/>
    <row r="6565" ht="27" customHeight="1" x14ac:dyDescent="0.15"/>
    <row r="6566" ht="27" customHeight="1" x14ac:dyDescent="0.15"/>
    <row r="6567" ht="27" customHeight="1" x14ac:dyDescent="0.15"/>
    <row r="6568" ht="27" customHeight="1" x14ac:dyDescent="0.15"/>
    <row r="6569" ht="27" customHeight="1" x14ac:dyDescent="0.15"/>
    <row r="6570" ht="27" customHeight="1" x14ac:dyDescent="0.15"/>
    <row r="6571" ht="27" customHeight="1" x14ac:dyDescent="0.15"/>
    <row r="6572" ht="27" customHeight="1" x14ac:dyDescent="0.15"/>
    <row r="6573" ht="27" customHeight="1" x14ac:dyDescent="0.15"/>
    <row r="6574" ht="27" customHeight="1" x14ac:dyDescent="0.15"/>
    <row r="6575" ht="27" customHeight="1" x14ac:dyDescent="0.15"/>
    <row r="6576" ht="27" customHeight="1" x14ac:dyDescent="0.15"/>
    <row r="6577" ht="27" customHeight="1" x14ac:dyDescent="0.15"/>
    <row r="6578" ht="27" customHeight="1" x14ac:dyDescent="0.15"/>
    <row r="6579" ht="27" customHeight="1" x14ac:dyDescent="0.15"/>
    <row r="6580" ht="27" customHeight="1" x14ac:dyDescent="0.15"/>
    <row r="6581" ht="27" customHeight="1" x14ac:dyDescent="0.15"/>
    <row r="6582" ht="27" customHeight="1" x14ac:dyDescent="0.15"/>
    <row r="6583" ht="27" customHeight="1" x14ac:dyDescent="0.15"/>
    <row r="6584" ht="27" customHeight="1" x14ac:dyDescent="0.15"/>
    <row r="6585" ht="27" customHeight="1" x14ac:dyDescent="0.15"/>
    <row r="6586" ht="27" customHeight="1" x14ac:dyDescent="0.15"/>
    <row r="6587" ht="27" customHeight="1" x14ac:dyDescent="0.15"/>
    <row r="6588" ht="27" customHeight="1" x14ac:dyDescent="0.15"/>
    <row r="6589" ht="27" customHeight="1" x14ac:dyDescent="0.15"/>
    <row r="6590" ht="27" customHeight="1" x14ac:dyDescent="0.15"/>
    <row r="6591" ht="27" customHeight="1" x14ac:dyDescent="0.15"/>
    <row r="6592" ht="27" customHeight="1" x14ac:dyDescent="0.15"/>
    <row r="6593" ht="27" customHeight="1" x14ac:dyDescent="0.15"/>
    <row r="6594" ht="27" customHeight="1" x14ac:dyDescent="0.15"/>
    <row r="6595" ht="27" customHeight="1" x14ac:dyDescent="0.15"/>
    <row r="6596" ht="27" customHeight="1" x14ac:dyDescent="0.15"/>
    <row r="6597" ht="27" customHeight="1" x14ac:dyDescent="0.15"/>
    <row r="6598" ht="27" customHeight="1" x14ac:dyDescent="0.15"/>
    <row r="6599" ht="27" customHeight="1" x14ac:dyDescent="0.15"/>
    <row r="6600" ht="27" customHeight="1" x14ac:dyDescent="0.15"/>
    <row r="6601" ht="27" customHeight="1" x14ac:dyDescent="0.15"/>
    <row r="6602" ht="27" customHeight="1" x14ac:dyDescent="0.15"/>
    <row r="6603" ht="27" customHeight="1" x14ac:dyDescent="0.15"/>
    <row r="6604" ht="27" customHeight="1" x14ac:dyDescent="0.15"/>
    <row r="6605" ht="27" customHeight="1" x14ac:dyDescent="0.15"/>
    <row r="6606" ht="27" customHeight="1" x14ac:dyDescent="0.15"/>
    <row r="6607" ht="27" customHeight="1" x14ac:dyDescent="0.15"/>
    <row r="6608" ht="27" customHeight="1" x14ac:dyDescent="0.15"/>
    <row r="6609" ht="27" customHeight="1" x14ac:dyDescent="0.15"/>
    <row r="6610" ht="27" customHeight="1" x14ac:dyDescent="0.15"/>
    <row r="6611" ht="27" customHeight="1" x14ac:dyDescent="0.15"/>
    <row r="6612" ht="27" customHeight="1" x14ac:dyDescent="0.15"/>
    <row r="6613" ht="27" customHeight="1" x14ac:dyDescent="0.15"/>
    <row r="6614" ht="27" customHeight="1" x14ac:dyDescent="0.15"/>
    <row r="6615" ht="27" customHeight="1" x14ac:dyDescent="0.15"/>
    <row r="6616" ht="27" customHeight="1" x14ac:dyDescent="0.15"/>
    <row r="6617" ht="27" customHeight="1" x14ac:dyDescent="0.15"/>
    <row r="6618" ht="27" customHeight="1" x14ac:dyDescent="0.15"/>
    <row r="6619" ht="27" customHeight="1" x14ac:dyDescent="0.15"/>
    <row r="6620" ht="27" customHeight="1" x14ac:dyDescent="0.15"/>
    <row r="6621" ht="27" customHeight="1" x14ac:dyDescent="0.15"/>
    <row r="6622" ht="27" customHeight="1" x14ac:dyDescent="0.15"/>
    <row r="6623" ht="27" customHeight="1" x14ac:dyDescent="0.15"/>
    <row r="6624" ht="27" customHeight="1" x14ac:dyDescent="0.15"/>
    <row r="6625" ht="27" customHeight="1" x14ac:dyDescent="0.15"/>
    <row r="6626" ht="27" customHeight="1" x14ac:dyDescent="0.15"/>
    <row r="6627" ht="27" customHeight="1" x14ac:dyDescent="0.15"/>
    <row r="6628" ht="27" customHeight="1" x14ac:dyDescent="0.15"/>
    <row r="6629" ht="27" customHeight="1" x14ac:dyDescent="0.15"/>
    <row r="6630" ht="27" customHeight="1" x14ac:dyDescent="0.15"/>
    <row r="6631" ht="27" customHeight="1" x14ac:dyDescent="0.15"/>
    <row r="6632" ht="27" customHeight="1" x14ac:dyDescent="0.15"/>
    <row r="6633" ht="27" customHeight="1" x14ac:dyDescent="0.15"/>
    <row r="6634" ht="27" customHeight="1" x14ac:dyDescent="0.15"/>
    <row r="6635" ht="27" customHeight="1" x14ac:dyDescent="0.15"/>
    <row r="6636" ht="27" customHeight="1" x14ac:dyDescent="0.15"/>
    <row r="6637" ht="27" customHeight="1" x14ac:dyDescent="0.15"/>
    <row r="6638" ht="27" customHeight="1" x14ac:dyDescent="0.15"/>
    <row r="6639" ht="27" customHeight="1" x14ac:dyDescent="0.15"/>
    <row r="6640" ht="27" customHeight="1" x14ac:dyDescent="0.15"/>
    <row r="6641" ht="27" customHeight="1" x14ac:dyDescent="0.15"/>
    <row r="6642" ht="27" customHeight="1" x14ac:dyDescent="0.15"/>
    <row r="6643" ht="27" customHeight="1" x14ac:dyDescent="0.15"/>
    <row r="6644" ht="27" customHeight="1" x14ac:dyDescent="0.15"/>
    <row r="6645" ht="27" customHeight="1" x14ac:dyDescent="0.15"/>
    <row r="6646" ht="27" customHeight="1" x14ac:dyDescent="0.15"/>
    <row r="6647" ht="27" customHeight="1" x14ac:dyDescent="0.15"/>
    <row r="6648" ht="27" customHeight="1" x14ac:dyDescent="0.15"/>
    <row r="6649" ht="27" customHeight="1" x14ac:dyDescent="0.15"/>
    <row r="6650" ht="27" customHeight="1" x14ac:dyDescent="0.15"/>
    <row r="6651" ht="27" customHeight="1" x14ac:dyDescent="0.15"/>
    <row r="6652" ht="27" customHeight="1" x14ac:dyDescent="0.15"/>
    <row r="6653" ht="27" customHeight="1" x14ac:dyDescent="0.15"/>
    <row r="6654" ht="27" customHeight="1" x14ac:dyDescent="0.15"/>
    <row r="6655" ht="27" customHeight="1" x14ac:dyDescent="0.15"/>
    <row r="6656" ht="27" customHeight="1" x14ac:dyDescent="0.15"/>
    <row r="6657" ht="27" customHeight="1" x14ac:dyDescent="0.15"/>
    <row r="6658" ht="27" customHeight="1" x14ac:dyDescent="0.15"/>
    <row r="6659" ht="27" customHeight="1" x14ac:dyDescent="0.15"/>
    <row r="6660" ht="27" customHeight="1" x14ac:dyDescent="0.15"/>
    <row r="6661" ht="27" customHeight="1" x14ac:dyDescent="0.15"/>
    <row r="6662" ht="27" customHeight="1" x14ac:dyDescent="0.15"/>
    <row r="6663" ht="27" customHeight="1" x14ac:dyDescent="0.15"/>
    <row r="6664" ht="27" customHeight="1" x14ac:dyDescent="0.15"/>
    <row r="6665" ht="27" customHeight="1" x14ac:dyDescent="0.15"/>
    <row r="6666" ht="27" customHeight="1" x14ac:dyDescent="0.15"/>
    <row r="6667" ht="27" customHeight="1" x14ac:dyDescent="0.15"/>
    <row r="6668" ht="27" customHeight="1" x14ac:dyDescent="0.15"/>
    <row r="6669" ht="27" customHeight="1" x14ac:dyDescent="0.15"/>
    <row r="6670" ht="27" customHeight="1" x14ac:dyDescent="0.15"/>
    <row r="6671" ht="27" customHeight="1" x14ac:dyDescent="0.15"/>
    <row r="6672" ht="27" customHeight="1" x14ac:dyDescent="0.15"/>
    <row r="6673" ht="27" customHeight="1" x14ac:dyDescent="0.15"/>
    <row r="6674" ht="27" customHeight="1" x14ac:dyDescent="0.15"/>
    <row r="6675" ht="27" customHeight="1" x14ac:dyDescent="0.15"/>
    <row r="6676" ht="27" customHeight="1" x14ac:dyDescent="0.15"/>
    <row r="6677" ht="27" customHeight="1" x14ac:dyDescent="0.15"/>
    <row r="6678" ht="27" customHeight="1" x14ac:dyDescent="0.15"/>
    <row r="6679" ht="27" customHeight="1" x14ac:dyDescent="0.15"/>
    <row r="6680" ht="27" customHeight="1" x14ac:dyDescent="0.15"/>
    <row r="6681" ht="27" customHeight="1" x14ac:dyDescent="0.15"/>
    <row r="6682" ht="27" customHeight="1" x14ac:dyDescent="0.15"/>
    <row r="6683" ht="27" customHeight="1" x14ac:dyDescent="0.15"/>
    <row r="6684" ht="27" customHeight="1" x14ac:dyDescent="0.15"/>
    <row r="6685" ht="27" customHeight="1" x14ac:dyDescent="0.15"/>
    <row r="6686" ht="27" customHeight="1" x14ac:dyDescent="0.15"/>
    <row r="6687" ht="27" customHeight="1" x14ac:dyDescent="0.15"/>
    <row r="6688" ht="27" customHeight="1" x14ac:dyDescent="0.15"/>
    <row r="6689" ht="27" customHeight="1" x14ac:dyDescent="0.15"/>
    <row r="6690" ht="27" customHeight="1" x14ac:dyDescent="0.15"/>
    <row r="6691" ht="27" customHeight="1" x14ac:dyDescent="0.15"/>
    <row r="6692" ht="27" customHeight="1" x14ac:dyDescent="0.15"/>
    <row r="6693" ht="27" customHeight="1" x14ac:dyDescent="0.15"/>
    <row r="6694" ht="27" customHeight="1" x14ac:dyDescent="0.15"/>
    <row r="6695" ht="27" customHeight="1" x14ac:dyDescent="0.15"/>
    <row r="6696" ht="27" customHeight="1" x14ac:dyDescent="0.15"/>
    <row r="6697" ht="27" customHeight="1" x14ac:dyDescent="0.15"/>
    <row r="6698" ht="27" customHeight="1" x14ac:dyDescent="0.15"/>
    <row r="6699" ht="27" customHeight="1" x14ac:dyDescent="0.15"/>
    <row r="6700" ht="27" customHeight="1" x14ac:dyDescent="0.15"/>
    <row r="6701" ht="27" customHeight="1" x14ac:dyDescent="0.15"/>
    <row r="6702" ht="27" customHeight="1" x14ac:dyDescent="0.15"/>
    <row r="6703" ht="27" customHeight="1" x14ac:dyDescent="0.15"/>
    <row r="6704" ht="27" customHeight="1" x14ac:dyDescent="0.15"/>
    <row r="6705" ht="27" customHeight="1" x14ac:dyDescent="0.15"/>
    <row r="6706" ht="27" customHeight="1" x14ac:dyDescent="0.15"/>
    <row r="6707" ht="27" customHeight="1" x14ac:dyDescent="0.15"/>
    <row r="6708" ht="27" customHeight="1" x14ac:dyDescent="0.15"/>
    <row r="6709" ht="27" customHeight="1" x14ac:dyDescent="0.15"/>
    <row r="6710" ht="27" customHeight="1" x14ac:dyDescent="0.15"/>
    <row r="6711" ht="27" customHeight="1" x14ac:dyDescent="0.15"/>
    <row r="6712" ht="27" customHeight="1" x14ac:dyDescent="0.15"/>
    <row r="6713" ht="27" customHeight="1" x14ac:dyDescent="0.15"/>
    <row r="6714" ht="27" customHeight="1" x14ac:dyDescent="0.15"/>
    <row r="6715" ht="27" customHeight="1" x14ac:dyDescent="0.15"/>
    <row r="6716" ht="27" customHeight="1" x14ac:dyDescent="0.15"/>
    <row r="6717" ht="27" customHeight="1" x14ac:dyDescent="0.15"/>
    <row r="6718" ht="27" customHeight="1" x14ac:dyDescent="0.15"/>
    <row r="6719" ht="27" customHeight="1" x14ac:dyDescent="0.15"/>
    <row r="6720" ht="27" customHeight="1" x14ac:dyDescent="0.15"/>
    <row r="6721" ht="27" customHeight="1" x14ac:dyDescent="0.15"/>
    <row r="6722" ht="27" customHeight="1" x14ac:dyDescent="0.15"/>
    <row r="6723" ht="27" customHeight="1" x14ac:dyDescent="0.15"/>
    <row r="6724" ht="27" customHeight="1" x14ac:dyDescent="0.15"/>
    <row r="6725" ht="27" customHeight="1" x14ac:dyDescent="0.15"/>
    <row r="6726" ht="27" customHeight="1" x14ac:dyDescent="0.15"/>
    <row r="6727" ht="27" customHeight="1" x14ac:dyDescent="0.15"/>
    <row r="6728" ht="27" customHeight="1" x14ac:dyDescent="0.15"/>
    <row r="6729" ht="27" customHeight="1" x14ac:dyDescent="0.15"/>
    <row r="6730" ht="27" customHeight="1" x14ac:dyDescent="0.15"/>
    <row r="6731" ht="27" customHeight="1" x14ac:dyDescent="0.15"/>
    <row r="6732" ht="27" customHeight="1" x14ac:dyDescent="0.15"/>
    <row r="6733" ht="27" customHeight="1" x14ac:dyDescent="0.15"/>
    <row r="6734" ht="27" customHeight="1" x14ac:dyDescent="0.15"/>
    <row r="6735" ht="27" customHeight="1" x14ac:dyDescent="0.15"/>
    <row r="6736" ht="27" customHeight="1" x14ac:dyDescent="0.15"/>
    <row r="6737" ht="27" customHeight="1" x14ac:dyDescent="0.15"/>
    <row r="6738" ht="27" customHeight="1" x14ac:dyDescent="0.15"/>
    <row r="6739" ht="27" customHeight="1" x14ac:dyDescent="0.15"/>
    <row r="6740" ht="27" customHeight="1" x14ac:dyDescent="0.15"/>
    <row r="6741" ht="27" customHeight="1" x14ac:dyDescent="0.15"/>
    <row r="6742" ht="27" customHeight="1" x14ac:dyDescent="0.15"/>
    <row r="6743" ht="27" customHeight="1" x14ac:dyDescent="0.15"/>
    <row r="6744" ht="27" customHeight="1" x14ac:dyDescent="0.15"/>
    <row r="6745" ht="27" customHeight="1" x14ac:dyDescent="0.15"/>
    <row r="6746" ht="27" customHeight="1" x14ac:dyDescent="0.15"/>
    <row r="6747" ht="27" customHeight="1" x14ac:dyDescent="0.15"/>
    <row r="6748" ht="27" customHeight="1" x14ac:dyDescent="0.15"/>
    <row r="6749" ht="27" customHeight="1" x14ac:dyDescent="0.15"/>
    <row r="6750" ht="27" customHeight="1" x14ac:dyDescent="0.15"/>
    <row r="6751" ht="27" customHeight="1" x14ac:dyDescent="0.15"/>
    <row r="6752" ht="27" customHeight="1" x14ac:dyDescent="0.15"/>
    <row r="6753" ht="27" customHeight="1" x14ac:dyDescent="0.15"/>
    <row r="6754" ht="27" customHeight="1" x14ac:dyDescent="0.15"/>
    <row r="6755" ht="27" customHeight="1" x14ac:dyDescent="0.15"/>
    <row r="6756" ht="27" customHeight="1" x14ac:dyDescent="0.15"/>
    <row r="6757" ht="27" customHeight="1" x14ac:dyDescent="0.15"/>
    <row r="6758" ht="27" customHeight="1" x14ac:dyDescent="0.15"/>
    <row r="6759" ht="27" customHeight="1" x14ac:dyDescent="0.15"/>
    <row r="6760" ht="27" customHeight="1" x14ac:dyDescent="0.15"/>
    <row r="6761" ht="27" customHeight="1" x14ac:dyDescent="0.15"/>
    <row r="6762" ht="27" customHeight="1" x14ac:dyDescent="0.15"/>
    <row r="6763" ht="27" customHeight="1" x14ac:dyDescent="0.15"/>
    <row r="6764" ht="27" customHeight="1" x14ac:dyDescent="0.15"/>
    <row r="6765" ht="27" customHeight="1" x14ac:dyDescent="0.15"/>
    <row r="6766" ht="27" customHeight="1" x14ac:dyDescent="0.15"/>
    <row r="6767" ht="27" customHeight="1" x14ac:dyDescent="0.15"/>
    <row r="6768" ht="27" customHeight="1" x14ac:dyDescent="0.15"/>
    <row r="6769" ht="27" customHeight="1" x14ac:dyDescent="0.15"/>
    <row r="6770" ht="27" customHeight="1" x14ac:dyDescent="0.15"/>
    <row r="6771" ht="27" customHeight="1" x14ac:dyDescent="0.15"/>
    <row r="6772" ht="27" customHeight="1" x14ac:dyDescent="0.15"/>
    <row r="6773" ht="27" customHeight="1" x14ac:dyDescent="0.15"/>
    <row r="6774" ht="27" customHeight="1" x14ac:dyDescent="0.15"/>
    <row r="6775" ht="27" customHeight="1" x14ac:dyDescent="0.15"/>
    <row r="6776" ht="27" customHeight="1" x14ac:dyDescent="0.15"/>
    <row r="6777" ht="27" customHeight="1" x14ac:dyDescent="0.15"/>
    <row r="6778" ht="27" customHeight="1" x14ac:dyDescent="0.15"/>
    <row r="6779" ht="27" customHeight="1" x14ac:dyDescent="0.15"/>
    <row r="6780" ht="27" customHeight="1" x14ac:dyDescent="0.15"/>
    <row r="6781" ht="27" customHeight="1" x14ac:dyDescent="0.15"/>
    <row r="6782" ht="27" customHeight="1" x14ac:dyDescent="0.15"/>
    <row r="6783" ht="27" customHeight="1" x14ac:dyDescent="0.15"/>
    <row r="6784" ht="27" customHeight="1" x14ac:dyDescent="0.15"/>
    <row r="6785" ht="27" customHeight="1" x14ac:dyDescent="0.15"/>
    <row r="6786" ht="27" customHeight="1" x14ac:dyDescent="0.15"/>
    <row r="6787" ht="27" customHeight="1" x14ac:dyDescent="0.15"/>
    <row r="6788" ht="27" customHeight="1" x14ac:dyDescent="0.15"/>
    <row r="6789" ht="27" customHeight="1" x14ac:dyDescent="0.15"/>
    <row r="6790" ht="27" customHeight="1" x14ac:dyDescent="0.15"/>
    <row r="6791" ht="27" customHeight="1" x14ac:dyDescent="0.15"/>
    <row r="6792" ht="27" customHeight="1" x14ac:dyDescent="0.15"/>
    <row r="6793" ht="27" customHeight="1" x14ac:dyDescent="0.15"/>
    <row r="6794" ht="27" customHeight="1" x14ac:dyDescent="0.15"/>
    <row r="6795" ht="27" customHeight="1" x14ac:dyDescent="0.15"/>
    <row r="6796" ht="27" customHeight="1" x14ac:dyDescent="0.15"/>
    <row r="6797" ht="27" customHeight="1" x14ac:dyDescent="0.15"/>
    <row r="6798" ht="27" customHeight="1" x14ac:dyDescent="0.15"/>
    <row r="6799" ht="27" customHeight="1" x14ac:dyDescent="0.15"/>
    <row r="6800" ht="27" customHeight="1" x14ac:dyDescent="0.15"/>
    <row r="6801" ht="27" customHeight="1" x14ac:dyDescent="0.15"/>
    <row r="6802" ht="27" customHeight="1" x14ac:dyDescent="0.15"/>
    <row r="6803" ht="27" customHeight="1" x14ac:dyDescent="0.15"/>
    <row r="6804" ht="27" customHeight="1" x14ac:dyDescent="0.15"/>
    <row r="6805" ht="27" customHeight="1" x14ac:dyDescent="0.15"/>
    <row r="6806" ht="27" customHeight="1" x14ac:dyDescent="0.15"/>
    <row r="6807" ht="27" customHeight="1" x14ac:dyDescent="0.15"/>
    <row r="6808" ht="27" customHeight="1" x14ac:dyDescent="0.15"/>
    <row r="6809" ht="27" customHeight="1" x14ac:dyDescent="0.15"/>
    <row r="6810" ht="27" customHeight="1" x14ac:dyDescent="0.15"/>
    <row r="6811" ht="27" customHeight="1" x14ac:dyDescent="0.15"/>
    <row r="6812" ht="27" customHeight="1" x14ac:dyDescent="0.15"/>
    <row r="6813" ht="27" customHeight="1" x14ac:dyDescent="0.15"/>
    <row r="6814" ht="27" customHeight="1" x14ac:dyDescent="0.15"/>
    <row r="6815" ht="27" customHeight="1" x14ac:dyDescent="0.15"/>
    <row r="6816" ht="27" customHeight="1" x14ac:dyDescent="0.15"/>
    <row r="6817" ht="27" customHeight="1" x14ac:dyDescent="0.15"/>
    <row r="6818" ht="27" customHeight="1" x14ac:dyDescent="0.15"/>
    <row r="6819" ht="27" customHeight="1" x14ac:dyDescent="0.15"/>
    <row r="6820" ht="27" customHeight="1" x14ac:dyDescent="0.15"/>
    <row r="6821" ht="27" customHeight="1" x14ac:dyDescent="0.15"/>
    <row r="6822" ht="27" customHeight="1" x14ac:dyDescent="0.15"/>
    <row r="6823" ht="27" customHeight="1" x14ac:dyDescent="0.15"/>
    <row r="6824" ht="27" customHeight="1" x14ac:dyDescent="0.15"/>
    <row r="6825" ht="27" customHeight="1" x14ac:dyDescent="0.15"/>
    <row r="6826" ht="27" customHeight="1" x14ac:dyDescent="0.15"/>
    <row r="6827" ht="27" customHeight="1" x14ac:dyDescent="0.15"/>
    <row r="6828" ht="27" customHeight="1" x14ac:dyDescent="0.15"/>
    <row r="6829" ht="27" customHeight="1" x14ac:dyDescent="0.15"/>
    <row r="6830" ht="27" customHeight="1" x14ac:dyDescent="0.15"/>
    <row r="6831" ht="27" customHeight="1" x14ac:dyDescent="0.15"/>
    <row r="6832" ht="27" customHeight="1" x14ac:dyDescent="0.15"/>
    <row r="6833" ht="27" customHeight="1" x14ac:dyDescent="0.15"/>
    <row r="6834" ht="27" customHeight="1" x14ac:dyDescent="0.15"/>
    <row r="6835" ht="27" customHeight="1" x14ac:dyDescent="0.15"/>
    <row r="6836" ht="27" customHeight="1" x14ac:dyDescent="0.15"/>
    <row r="6837" ht="27" customHeight="1" x14ac:dyDescent="0.15"/>
    <row r="6838" ht="27" customHeight="1" x14ac:dyDescent="0.15"/>
    <row r="6839" ht="27" customHeight="1" x14ac:dyDescent="0.15"/>
    <row r="6840" ht="27" customHeight="1" x14ac:dyDescent="0.15"/>
    <row r="6841" ht="27" customHeight="1" x14ac:dyDescent="0.15"/>
    <row r="6842" ht="27" customHeight="1" x14ac:dyDescent="0.15"/>
    <row r="6843" ht="27" customHeight="1" x14ac:dyDescent="0.15"/>
    <row r="6844" ht="27" customHeight="1" x14ac:dyDescent="0.15"/>
    <row r="6845" ht="27" customHeight="1" x14ac:dyDescent="0.15"/>
    <row r="6846" ht="27" customHeight="1" x14ac:dyDescent="0.15"/>
    <row r="6847" ht="27" customHeight="1" x14ac:dyDescent="0.15"/>
    <row r="6848" ht="27" customHeight="1" x14ac:dyDescent="0.15"/>
    <row r="6849" ht="27" customHeight="1" x14ac:dyDescent="0.15"/>
    <row r="6850" ht="27" customHeight="1" x14ac:dyDescent="0.15"/>
    <row r="6851" ht="27" customHeight="1" x14ac:dyDescent="0.15"/>
    <row r="6852" ht="27" customHeight="1" x14ac:dyDescent="0.15"/>
    <row r="6853" ht="27" customHeight="1" x14ac:dyDescent="0.15"/>
    <row r="6854" ht="27" customHeight="1" x14ac:dyDescent="0.15"/>
    <row r="6855" ht="27" customHeight="1" x14ac:dyDescent="0.15"/>
    <row r="6856" ht="27" customHeight="1" x14ac:dyDescent="0.15"/>
    <row r="6857" ht="27" customHeight="1" x14ac:dyDescent="0.15"/>
    <row r="6858" ht="27" customHeight="1" x14ac:dyDescent="0.15"/>
    <row r="6859" ht="27" customHeight="1" x14ac:dyDescent="0.15"/>
    <row r="6860" ht="27" customHeight="1" x14ac:dyDescent="0.15"/>
    <row r="6861" ht="27" customHeight="1" x14ac:dyDescent="0.15"/>
    <row r="6862" ht="27" customHeight="1" x14ac:dyDescent="0.15"/>
    <row r="6863" ht="27" customHeight="1" x14ac:dyDescent="0.15"/>
    <row r="6864" ht="27" customHeight="1" x14ac:dyDescent="0.15"/>
    <row r="6865" ht="27" customHeight="1" x14ac:dyDescent="0.15"/>
    <row r="6866" ht="27" customHeight="1" x14ac:dyDescent="0.15"/>
    <row r="6867" ht="27" customHeight="1" x14ac:dyDescent="0.15"/>
    <row r="6868" ht="27" customHeight="1" x14ac:dyDescent="0.15"/>
    <row r="6869" ht="27" customHeight="1" x14ac:dyDescent="0.15"/>
    <row r="6870" ht="27" customHeight="1" x14ac:dyDescent="0.15"/>
    <row r="6871" ht="27" customHeight="1" x14ac:dyDescent="0.15"/>
    <row r="6872" ht="27" customHeight="1" x14ac:dyDescent="0.15"/>
    <row r="6873" ht="27" customHeight="1" x14ac:dyDescent="0.15"/>
    <row r="6874" ht="27" customHeight="1" x14ac:dyDescent="0.15"/>
    <row r="6875" ht="27" customHeight="1" x14ac:dyDescent="0.15"/>
    <row r="6876" ht="27" customHeight="1" x14ac:dyDescent="0.15"/>
    <row r="6877" ht="27" customHeight="1" x14ac:dyDescent="0.15"/>
    <row r="6878" ht="27" customHeight="1" x14ac:dyDescent="0.15"/>
    <row r="6879" ht="27" customHeight="1" x14ac:dyDescent="0.15"/>
    <row r="6880" ht="27" customHeight="1" x14ac:dyDescent="0.15"/>
    <row r="6881" ht="27" customHeight="1" x14ac:dyDescent="0.15"/>
    <row r="6882" ht="27" customHeight="1" x14ac:dyDescent="0.15"/>
    <row r="6883" ht="27" customHeight="1" x14ac:dyDescent="0.15"/>
    <row r="6884" ht="27" customHeight="1" x14ac:dyDescent="0.15"/>
    <row r="6885" ht="27" customHeight="1" x14ac:dyDescent="0.15"/>
    <row r="6886" ht="27" customHeight="1" x14ac:dyDescent="0.15"/>
    <row r="6887" ht="27" customHeight="1" x14ac:dyDescent="0.15"/>
    <row r="6888" ht="27" customHeight="1" x14ac:dyDescent="0.15"/>
    <row r="6889" ht="27" customHeight="1" x14ac:dyDescent="0.15"/>
    <row r="6890" ht="27" customHeight="1" x14ac:dyDescent="0.15"/>
    <row r="6891" ht="27" customHeight="1" x14ac:dyDescent="0.15"/>
    <row r="6892" ht="27" customHeight="1" x14ac:dyDescent="0.15"/>
    <row r="6893" ht="27" customHeight="1" x14ac:dyDescent="0.15"/>
    <row r="6894" ht="27" customHeight="1" x14ac:dyDescent="0.15"/>
    <row r="6895" ht="27" customHeight="1" x14ac:dyDescent="0.15"/>
    <row r="6896" ht="27" customHeight="1" x14ac:dyDescent="0.15"/>
    <row r="6897" ht="27" customHeight="1" x14ac:dyDescent="0.15"/>
    <row r="6898" ht="27" customHeight="1" x14ac:dyDescent="0.15"/>
    <row r="6899" ht="27" customHeight="1" x14ac:dyDescent="0.15"/>
    <row r="6900" ht="27" customHeight="1" x14ac:dyDescent="0.15"/>
    <row r="6901" ht="27" customHeight="1" x14ac:dyDescent="0.15"/>
    <row r="6902" ht="27" customHeight="1" x14ac:dyDescent="0.15"/>
    <row r="6903" ht="27" customHeight="1" x14ac:dyDescent="0.15"/>
    <row r="6904" ht="27" customHeight="1" x14ac:dyDescent="0.15"/>
    <row r="6905" ht="27" customHeight="1" x14ac:dyDescent="0.15"/>
    <row r="6906" ht="27" customHeight="1" x14ac:dyDescent="0.15"/>
    <row r="6907" ht="27" customHeight="1" x14ac:dyDescent="0.15"/>
    <row r="6908" ht="27" customHeight="1" x14ac:dyDescent="0.15"/>
    <row r="6909" ht="27" customHeight="1" x14ac:dyDescent="0.15"/>
    <row r="6910" ht="27" customHeight="1" x14ac:dyDescent="0.15"/>
    <row r="6911" ht="27" customHeight="1" x14ac:dyDescent="0.15"/>
    <row r="6912" ht="27" customHeight="1" x14ac:dyDescent="0.15"/>
    <row r="6913" ht="27" customHeight="1" x14ac:dyDescent="0.15"/>
    <row r="6914" ht="27" customHeight="1" x14ac:dyDescent="0.15"/>
    <row r="6915" ht="27" customHeight="1" x14ac:dyDescent="0.15"/>
    <row r="6916" ht="27" customHeight="1" x14ac:dyDescent="0.15"/>
    <row r="6917" ht="27" customHeight="1" x14ac:dyDescent="0.15"/>
    <row r="6918" ht="27" customHeight="1" x14ac:dyDescent="0.15"/>
    <row r="6919" ht="27" customHeight="1" x14ac:dyDescent="0.15"/>
    <row r="6920" ht="27" customHeight="1" x14ac:dyDescent="0.15"/>
    <row r="6921" ht="27" customHeight="1" x14ac:dyDescent="0.15"/>
    <row r="6922" ht="27" customHeight="1" x14ac:dyDescent="0.15"/>
    <row r="6923" ht="27" customHeight="1" x14ac:dyDescent="0.15"/>
    <row r="6924" ht="27" customHeight="1" x14ac:dyDescent="0.15"/>
    <row r="6925" ht="27" customHeight="1" x14ac:dyDescent="0.15"/>
    <row r="6926" ht="27" customHeight="1" x14ac:dyDescent="0.15"/>
    <row r="6927" ht="27" customHeight="1" x14ac:dyDescent="0.15"/>
    <row r="6928" ht="27" customHeight="1" x14ac:dyDescent="0.15"/>
    <row r="6929" ht="27" customHeight="1" x14ac:dyDescent="0.15"/>
    <row r="6930" ht="27" customHeight="1" x14ac:dyDescent="0.15"/>
    <row r="6931" ht="27" customHeight="1" x14ac:dyDescent="0.15"/>
    <row r="6932" ht="27" customHeight="1" x14ac:dyDescent="0.15"/>
    <row r="6933" ht="27" customHeight="1" x14ac:dyDescent="0.15"/>
    <row r="6934" ht="27" customHeight="1" x14ac:dyDescent="0.15"/>
    <row r="6935" ht="27" customHeight="1" x14ac:dyDescent="0.15"/>
    <row r="6936" ht="27" customHeight="1" x14ac:dyDescent="0.15"/>
    <row r="6937" ht="27" customHeight="1" x14ac:dyDescent="0.15"/>
    <row r="6938" ht="27" customHeight="1" x14ac:dyDescent="0.15"/>
    <row r="6939" ht="27" customHeight="1" x14ac:dyDescent="0.15"/>
    <row r="6940" ht="27" customHeight="1" x14ac:dyDescent="0.15"/>
    <row r="6941" ht="27" customHeight="1" x14ac:dyDescent="0.15"/>
    <row r="6942" ht="27" customHeight="1" x14ac:dyDescent="0.15"/>
    <row r="6943" ht="27" customHeight="1" x14ac:dyDescent="0.15"/>
    <row r="6944" ht="27" customHeight="1" x14ac:dyDescent="0.15"/>
    <row r="6945" ht="27" customHeight="1" x14ac:dyDescent="0.15"/>
    <row r="6946" ht="27" customHeight="1" x14ac:dyDescent="0.15"/>
    <row r="6947" ht="27" customHeight="1" x14ac:dyDescent="0.15"/>
    <row r="6948" ht="27" customHeight="1" x14ac:dyDescent="0.15"/>
    <row r="6949" ht="27" customHeight="1" x14ac:dyDescent="0.15"/>
    <row r="6950" ht="27" customHeight="1" x14ac:dyDescent="0.15"/>
    <row r="6951" ht="27" customHeight="1" x14ac:dyDescent="0.15"/>
    <row r="6952" ht="27" customHeight="1" x14ac:dyDescent="0.15"/>
    <row r="6953" ht="27" customHeight="1" x14ac:dyDescent="0.15"/>
    <row r="6954" ht="27" customHeight="1" x14ac:dyDescent="0.15"/>
    <row r="6955" ht="27" customHeight="1" x14ac:dyDescent="0.15"/>
    <row r="6956" ht="27" customHeight="1" x14ac:dyDescent="0.15"/>
    <row r="6957" ht="27" customHeight="1" x14ac:dyDescent="0.15"/>
    <row r="6958" ht="27" customHeight="1" x14ac:dyDescent="0.15"/>
    <row r="6959" ht="27" customHeight="1" x14ac:dyDescent="0.15"/>
    <row r="6960" ht="27" customHeight="1" x14ac:dyDescent="0.15"/>
    <row r="6961" ht="27" customHeight="1" x14ac:dyDescent="0.15"/>
    <row r="6962" ht="27" customHeight="1" x14ac:dyDescent="0.15"/>
    <row r="6963" ht="27" customHeight="1" x14ac:dyDescent="0.15"/>
    <row r="6964" ht="27" customHeight="1" x14ac:dyDescent="0.15"/>
    <row r="6965" ht="27" customHeight="1" x14ac:dyDescent="0.15"/>
    <row r="6966" ht="27" customHeight="1" x14ac:dyDescent="0.15"/>
    <row r="6967" ht="27" customHeight="1" x14ac:dyDescent="0.15"/>
    <row r="6968" ht="27" customHeight="1" x14ac:dyDescent="0.15"/>
    <row r="6969" ht="27" customHeight="1" x14ac:dyDescent="0.15"/>
    <row r="6970" ht="27" customHeight="1" x14ac:dyDescent="0.15"/>
    <row r="6971" ht="27" customHeight="1" x14ac:dyDescent="0.15"/>
    <row r="6972" ht="27" customHeight="1" x14ac:dyDescent="0.15"/>
    <row r="6973" ht="27" customHeight="1" x14ac:dyDescent="0.15"/>
    <row r="6974" ht="27" customHeight="1" x14ac:dyDescent="0.15"/>
    <row r="6975" ht="27" customHeight="1" x14ac:dyDescent="0.15"/>
    <row r="6976" ht="27" customHeight="1" x14ac:dyDescent="0.15"/>
    <row r="6977" ht="27" customHeight="1" x14ac:dyDescent="0.15"/>
    <row r="6978" ht="27" customHeight="1" x14ac:dyDescent="0.15"/>
    <row r="6979" ht="27" customHeight="1" x14ac:dyDescent="0.15"/>
    <row r="6980" ht="27" customHeight="1" x14ac:dyDescent="0.15"/>
    <row r="6981" ht="27" customHeight="1" x14ac:dyDescent="0.15"/>
    <row r="6982" ht="27" customHeight="1" x14ac:dyDescent="0.15"/>
    <row r="6983" ht="27" customHeight="1" x14ac:dyDescent="0.15"/>
    <row r="6984" ht="27" customHeight="1" x14ac:dyDescent="0.15"/>
    <row r="6985" ht="27" customHeight="1" x14ac:dyDescent="0.15"/>
    <row r="6986" ht="27" customHeight="1" x14ac:dyDescent="0.15"/>
    <row r="6987" ht="27" customHeight="1" x14ac:dyDescent="0.15"/>
    <row r="6988" ht="27" customHeight="1" x14ac:dyDescent="0.15"/>
    <row r="6989" ht="27" customHeight="1" x14ac:dyDescent="0.15"/>
    <row r="6990" ht="27" customHeight="1" x14ac:dyDescent="0.15"/>
    <row r="6991" ht="27" customHeight="1" x14ac:dyDescent="0.15"/>
    <row r="6992" ht="27" customHeight="1" x14ac:dyDescent="0.15"/>
    <row r="6993" ht="27" customHeight="1" x14ac:dyDescent="0.15"/>
    <row r="6994" ht="27" customHeight="1" x14ac:dyDescent="0.15"/>
    <row r="6995" ht="27" customHeight="1" x14ac:dyDescent="0.15"/>
    <row r="6996" ht="27" customHeight="1" x14ac:dyDescent="0.15"/>
    <row r="6997" ht="27" customHeight="1" x14ac:dyDescent="0.15"/>
    <row r="6998" ht="27" customHeight="1" x14ac:dyDescent="0.15"/>
    <row r="6999" ht="27" customHeight="1" x14ac:dyDescent="0.15"/>
    <row r="7000" ht="27" customHeight="1" x14ac:dyDescent="0.15"/>
    <row r="7001" ht="27" customHeight="1" x14ac:dyDescent="0.15"/>
    <row r="7002" ht="27" customHeight="1" x14ac:dyDescent="0.15"/>
    <row r="7003" ht="27" customHeight="1" x14ac:dyDescent="0.15"/>
    <row r="7004" ht="27" customHeight="1" x14ac:dyDescent="0.15"/>
    <row r="7005" ht="27" customHeight="1" x14ac:dyDescent="0.15"/>
    <row r="7006" ht="27" customHeight="1" x14ac:dyDescent="0.15"/>
    <row r="7007" ht="27" customHeight="1" x14ac:dyDescent="0.15"/>
    <row r="7008" ht="27" customHeight="1" x14ac:dyDescent="0.15"/>
    <row r="7009" ht="27" customHeight="1" x14ac:dyDescent="0.15"/>
    <row r="7010" ht="27" customHeight="1" x14ac:dyDescent="0.15"/>
    <row r="7011" ht="27" customHeight="1" x14ac:dyDescent="0.15"/>
    <row r="7012" ht="27" customHeight="1" x14ac:dyDescent="0.15"/>
    <row r="7013" ht="27" customHeight="1" x14ac:dyDescent="0.15"/>
    <row r="7014" ht="27" customHeight="1" x14ac:dyDescent="0.15"/>
    <row r="7015" ht="27" customHeight="1" x14ac:dyDescent="0.15"/>
    <row r="7016" ht="27" customHeight="1" x14ac:dyDescent="0.15"/>
    <row r="7017" ht="27" customHeight="1" x14ac:dyDescent="0.15"/>
    <row r="7018" ht="27" customHeight="1" x14ac:dyDescent="0.15"/>
    <row r="7019" ht="27" customHeight="1" x14ac:dyDescent="0.15"/>
    <row r="7020" ht="27" customHeight="1" x14ac:dyDescent="0.15"/>
    <row r="7021" ht="27" customHeight="1" x14ac:dyDescent="0.15"/>
    <row r="7022" ht="27" customHeight="1" x14ac:dyDescent="0.15"/>
    <row r="7023" ht="27" customHeight="1" x14ac:dyDescent="0.15"/>
    <row r="7024" ht="27" customHeight="1" x14ac:dyDescent="0.15"/>
    <row r="7025" ht="27" customHeight="1" x14ac:dyDescent="0.15"/>
    <row r="7026" ht="27" customHeight="1" x14ac:dyDescent="0.15"/>
    <row r="7027" ht="27" customHeight="1" x14ac:dyDescent="0.15"/>
    <row r="7028" ht="27" customHeight="1" x14ac:dyDescent="0.15"/>
    <row r="7029" ht="27" customHeight="1" x14ac:dyDescent="0.15"/>
    <row r="7030" ht="27" customHeight="1" x14ac:dyDescent="0.15"/>
    <row r="7031" ht="27" customHeight="1" x14ac:dyDescent="0.15"/>
    <row r="7032" ht="27" customHeight="1" x14ac:dyDescent="0.15"/>
    <row r="7033" ht="27" customHeight="1" x14ac:dyDescent="0.15"/>
    <row r="7034" ht="27" customHeight="1" x14ac:dyDescent="0.15"/>
    <row r="7035" ht="27" customHeight="1" x14ac:dyDescent="0.15"/>
    <row r="7036" ht="27" customHeight="1" x14ac:dyDescent="0.15"/>
    <row r="7037" ht="27" customHeight="1" x14ac:dyDescent="0.15"/>
    <row r="7038" ht="27" customHeight="1" x14ac:dyDescent="0.15"/>
    <row r="7039" ht="27" customHeight="1" x14ac:dyDescent="0.15"/>
    <row r="7040" ht="27" customHeight="1" x14ac:dyDescent="0.15"/>
    <row r="7041" ht="27" customHeight="1" x14ac:dyDescent="0.15"/>
    <row r="7042" ht="27" customHeight="1" x14ac:dyDescent="0.15"/>
    <row r="7043" ht="27" customHeight="1" x14ac:dyDescent="0.15"/>
    <row r="7044" ht="27" customHeight="1" x14ac:dyDescent="0.15"/>
    <row r="7045" ht="27" customHeight="1" x14ac:dyDescent="0.15"/>
    <row r="7046" ht="27" customHeight="1" x14ac:dyDescent="0.15"/>
    <row r="7047" ht="27" customHeight="1" x14ac:dyDescent="0.15"/>
    <row r="7048" ht="27" customHeight="1" x14ac:dyDescent="0.15"/>
    <row r="7049" ht="27" customHeight="1" x14ac:dyDescent="0.15"/>
    <row r="7050" ht="27" customHeight="1" x14ac:dyDescent="0.15"/>
    <row r="7051" ht="27" customHeight="1" x14ac:dyDescent="0.15"/>
    <row r="7052" ht="27" customHeight="1" x14ac:dyDescent="0.15"/>
    <row r="7053" ht="27" customHeight="1" x14ac:dyDescent="0.15"/>
    <row r="7054" ht="27" customHeight="1" x14ac:dyDescent="0.15"/>
    <row r="7055" ht="27" customHeight="1" x14ac:dyDescent="0.15"/>
    <row r="7056" ht="27" customHeight="1" x14ac:dyDescent="0.15"/>
    <row r="7057" ht="27" customHeight="1" x14ac:dyDescent="0.15"/>
    <row r="7058" ht="27" customHeight="1" x14ac:dyDescent="0.15"/>
    <row r="7059" ht="27" customHeight="1" x14ac:dyDescent="0.15"/>
    <row r="7060" ht="27" customHeight="1" x14ac:dyDescent="0.15"/>
    <row r="7061" ht="27" customHeight="1" x14ac:dyDescent="0.15"/>
    <row r="7062" ht="27" customHeight="1" x14ac:dyDescent="0.15"/>
    <row r="7063" ht="27" customHeight="1" x14ac:dyDescent="0.15"/>
    <row r="7064" ht="27" customHeight="1" x14ac:dyDescent="0.15"/>
    <row r="7065" ht="27" customHeight="1" x14ac:dyDescent="0.15"/>
    <row r="7066" ht="27" customHeight="1" x14ac:dyDescent="0.15"/>
    <row r="7067" ht="27" customHeight="1" x14ac:dyDescent="0.15"/>
    <row r="7068" ht="27" customHeight="1" x14ac:dyDescent="0.15"/>
    <row r="7069" ht="27" customHeight="1" x14ac:dyDescent="0.15"/>
    <row r="7070" ht="27" customHeight="1" x14ac:dyDescent="0.15"/>
    <row r="7071" ht="27" customHeight="1" x14ac:dyDescent="0.15"/>
    <row r="7072" ht="27" customHeight="1" x14ac:dyDescent="0.15"/>
    <row r="7073" ht="27" customHeight="1" x14ac:dyDescent="0.15"/>
    <row r="7074" ht="27" customHeight="1" x14ac:dyDescent="0.15"/>
    <row r="7075" ht="27" customHeight="1" x14ac:dyDescent="0.15"/>
    <row r="7076" ht="27" customHeight="1" x14ac:dyDescent="0.15"/>
    <row r="7077" ht="27" customHeight="1" x14ac:dyDescent="0.15"/>
    <row r="7078" ht="27" customHeight="1" x14ac:dyDescent="0.15"/>
    <row r="7079" ht="27" customHeight="1" x14ac:dyDescent="0.15"/>
    <row r="7080" ht="27" customHeight="1" x14ac:dyDescent="0.15"/>
    <row r="7081" ht="27" customHeight="1" x14ac:dyDescent="0.15"/>
    <row r="7082" ht="27" customHeight="1" x14ac:dyDescent="0.15"/>
    <row r="7083" ht="27" customHeight="1" x14ac:dyDescent="0.15"/>
    <row r="7084" ht="27" customHeight="1" x14ac:dyDescent="0.15"/>
    <row r="7085" ht="27" customHeight="1" x14ac:dyDescent="0.15"/>
    <row r="7086" ht="27" customHeight="1" x14ac:dyDescent="0.15"/>
    <row r="7087" ht="27" customHeight="1" x14ac:dyDescent="0.15"/>
    <row r="7088" ht="27" customHeight="1" x14ac:dyDescent="0.15"/>
    <row r="7089" ht="27" customHeight="1" x14ac:dyDescent="0.15"/>
    <row r="7090" ht="27" customHeight="1" x14ac:dyDescent="0.15"/>
    <row r="7091" ht="27.75" customHeight="1" x14ac:dyDescent="0.15"/>
    <row r="7092" ht="27.75" customHeight="1" x14ac:dyDescent="0.15"/>
    <row r="7093" ht="27.75" customHeight="1" x14ac:dyDescent="0.15"/>
    <row r="7094" ht="27.75" customHeight="1" x14ac:dyDescent="0.15"/>
    <row r="7095" ht="27.75" customHeight="1" x14ac:dyDescent="0.15"/>
    <row r="7096" ht="27.75" customHeight="1" x14ac:dyDescent="0.15"/>
    <row r="7097" ht="27.75" customHeight="1" x14ac:dyDescent="0.15"/>
    <row r="7098" ht="27.75" customHeight="1" x14ac:dyDescent="0.15"/>
    <row r="7099" ht="27.75" customHeight="1" x14ac:dyDescent="0.15"/>
    <row r="7100" ht="27.75" customHeight="1" x14ac:dyDescent="0.15"/>
    <row r="7101" ht="27.75" customHeight="1" x14ac:dyDescent="0.15"/>
    <row r="7102" ht="27.75" customHeight="1" x14ac:dyDescent="0.15"/>
    <row r="7103" ht="27.75" customHeight="1" x14ac:dyDescent="0.15"/>
    <row r="7104" ht="27.75" customHeight="1" x14ac:dyDescent="0.15"/>
    <row r="7105" ht="27.75" customHeight="1" x14ac:dyDescent="0.15"/>
    <row r="7106" ht="27.75" customHeight="1" x14ac:dyDescent="0.15"/>
    <row r="7107" ht="27.75" customHeight="1" x14ac:dyDescent="0.15"/>
    <row r="7108" ht="27.75" customHeight="1" x14ac:dyDescent="0.15"/>
    <row r="7109" ht="27.75" customHeight="1" x14ac:dyDescent="0.15"/>
    <row r="7110" ht="27.75" customHeight="1" x14ac:dyDescent="0.15"/>
    <row r="7111" ht="27.75" customHeight="1" x14ac:dyDescent="0.15"/>
    <row r="7112" ht="27.75" customHeight="1" x14ac:dyDescent="0.15"/>
    <row r="7113" ht="27.75" customHeight="1" x14ac:dyDescent="0.15"/>
    <row r="7114" ht="27.75" customHeight="1" x14ac:dyDescent="0.15"/>
    <row r="7115" ht="27.75" customHeight="1" x14ac:dyDescent="0.15"/>
    <row r="7116" ht="27.75" customHeight="1" x14ac:dyDescent="0.15"/>
    <row r="7117" ht="27.75" customHeight="1" x14ac:dyDescent="0.15"/>
    <row r="7118" ht="27.75" customHeight="1" x14ac:dyDescent="0.15"/>
    <row r="7119" ht="27.75" customHeight="1" x14ac:dyDescent="0.15"/>
    <row r="7120" ht="27.75" customHeight="1" x14ac:dyDescent="0.15"/>
    <row r="7121" spans="1:12" ht="27.75" customHeight="1" x14ac:dyDescent="0.15"/>
    <row r="7122" spans="1:12" ht="27" customHeight="1" x14ac:dyDescent="0.15"/>
    <row r="7123" spans="1:12" ht="27" customHeight="1" x14ac:dyDescent="0.15"/>
    <row r="7124" spans="1:12" s="17" customFormat="1" ht="27" customHeight="1" x14ac:dyDescent="0.15">
      <c r="A7124" s="13"/>
      <c r="B7124" s="14"/>
      <c r="C7124" s="13"/>
      <c r="D7124" s="14"/>
      <c r="E7124" s="14"/>
      <c r="F7124" s="16"/>
      <c r="G7124" s="2"/>
      <c r="H7124" s="2"/>
      <c r="I7124" s="2"/>
      <c r="J7124" s="2"/>
      <c r="K7124" s="2"/>
      <c r="L7124" s="2"/>
    </row>
    <row r="7125" spans="1:12" ht="27" customHeight="1" x14ac:dyDescent="0.15"/>
    <row r="7126" spans="1:12" ht="27" customHeight="1" x14ac:dyDescent="0.15"/>
    <row r="7127" spans="1:12" ht="27" customHeight="1" x14ac:dyDescent="0.15"/>
    <row r="7128" spans="1:12" ht="27" customHeight="1" x14ac:dyDescent="0.15"/>
    <row r="7129" spans="1:12" s="2" customFormat="1" ht="27" customHeight="1" x14ac:dyDescent="0.15">
      <c r="A7129" s="13"/>
      <c r="B7129" s="14"/>
      <c r="C7129" s="13"/>
      <c r="D7129" s="14"/>
      <c r="E7129" s="14"/>
      <c r="F7129" s="16"/>
    </row>
    <row r="7130" spans="1:12" ht="27" customHeight="1" x14ac:dyDescent="0.15"/>
    <row r="7131" spans="1:12" ht="27" customHeight="1" x14ac:dyDescent="0.15"/>
    <row r="7132" spans="1:12" s="2" customFormat="1" ht="27" customHeight="1" x14ac:dyDescent="0.15">
      <c r="A7132" s="13"/>
      <c r="B7132" s="14"/>
      <c r="C7132" s="13"/>
      <c r="D7132" s="14"/>
      <c r="E7132" s="14"/>
      <c r="F7132" s="16"/>
    </row>
    <row r="7133" spans="1:12" ht="27.75" customHeight="1" x14ac:dyDescent="0.15"/>
    <row r="7134" spans="1:12" ht="27.75" customHeight="1" x14ac:dyDescent="0.15"/>
    <row r="7135" spans="1:12" ht="27.75" customHeight="1" x14ac:dyDescent="0.15"/>
    <row r="7136" spans="1:12" ht="27.75" customHeight="1" x14ac:dyDescent="0.15"/>
    <row r="7137" ht="27.75" customHeight="1" x14ac:dyDescent="0.15"/>
    <row r="7138" ht="27.75" customHeight="1" x14ac:dyDescent="0.15"/>
    <row r="7139" ht="27.75" customHeight="1" x14ac:dyDescent="0.15"/>
    <row r="7140" ht="27.75" customHeight="1" x14ac:dyDescent="0.15"/>
    <row r="7141" ht="27.75" customHeight="1" x14ac:dyDescent="0.15"/>
    <row r="7142" ht="27.75" customHeight="1" x14ac:dyDescent="0.15"/>
    <row r="7143" ht="27.75" customHeight="1" x14ac:dyDescent="0.15"/>
    <row r="7144" ht="27.75" customHeight="1" x14ac:dyDescent="0.15"/>
    <row r="7145" ht="27.75" customHeight="1" x14ac:dyDescent="0.15"/>
    <row r="7146" ht="27.75" customHeight="1" x14ac:dyDescent="0.15"/>
    <row r="7147" ht="27.75" customHeight="1" x14ac:dyDescent="0.15"/>
    <row r="7148" ht="27.75" customHeight="1" x14ac:dyDescent="0.15"/>
    <row r="7149" ht="27.75" customHeight="1" x14ac:dyDescent="0.15"/>
    <row r="7150" ht="27.75" customHeight="1" x14ac:dyDescent="0.15"/>
    <row r="7151" ht="27.75" customHeight="1" x14ac:dyDescent="0.15"/>
    <row r="7152" ht="27.75" customHeight="1" x14ac:dyDescent="0.15"/>
    <row r="7153" ht="27.75" customHeight="1" x14ac:dyDescent="0.15"/>
    <row r="7154" ht="27.75" customHeight="1" x14ac:dyDescent="0.15"/>
    <row r="7155" ht="27.75" customHeight="1" x14ac:dyDescent="0.15"/>
    <row r="7156" ht="27.75" customHeight="1" x14ac:dyDescent="0.15"/>
    <row r="7157" ht="27.75" customHeight="1" x14ac:dyDescent="0.15"/>
    <row r="7158" ht="27.75" customHeight="1" x14ac:dyDescent="0.15"/>
    <row r="7159" ht="27.75" customHeight="1" x14ac:dyDescent="0.15"/>
    <row r="7160" ht="27.75" customHeight="1" x14ac:dyDescent="0.15"/>
    <row r="7161" ht="27.75" customHeight="1" x14ac:dyDescent="0.15"/>
    <row r="7162" ht="27.75" customHeight="1" x14ac:dyDescent="0.15"/>
    <row r="7163" ht="27.75" customHeight="1" x14ac:dyDescent="0.15"/>
    <row r="7164" ht="27.75" customHeight="1" x14ac:dyDescent="0.15"/>
    <row r="7165" ht="27.75" customHeight="1" x14ac:dyDescent="0.15"/>
    <row r="7166" ht="27.75" customHeight="1" x14ac:dyDescent="0.15"/>
    <row r="7167" ht="27.75" customHeight="1" x14ac:dyDescent="0.15"/>
    <row r="7168" ht="27.75" customHeight="1" x14ac:dyDescent="0.15"/>
    <row r="7169" ht="27.75" customHeight="1" x14ac:dyDescent="0.15"/>
    <row r="7170" ht="27.75" customHeight="1" x14ac:dyDescent="0.15"/>
    <row r="7171" ht="27.75" customHeight="1" x14ac:dyDescent="0.15"/>
    <row r="7172" ht="27.75" customHeight="1" x14ac:dyDescent="0.15"/>
    <row r="7173" ht="27.75" customHeight="1" x14ac:dyDescent="0.15"/>
    <row r="7174" ht="27.75" customHeight="1" x14ac:dyDescent="0.15"/>
    <row r="7175" ht="27.75" customHeight="1" x14ac:dyDescent="0.15"/>
    <row r="7176" ht="27.75" customHeight="1" x14ac:dyDescent="0.15"/>
    <row r="7177" ht="27.75" customHeight="1" x14ac:dyDescent="0.15"/>
    <row r="7178" ht="27.75" customHeight="1" x14ac:dyDescent="0.15"/>
    <row r="7179" ht="27.75" customHeight="1" x14ac:dyDescent="0.15"/>
    <row r="7180" ht="27.75" customHeight="1" x14ac:dyDescent="0.15"/>
    <row r="7181" ht="27.75" customHeight="1" x14ac:dyDescent="0.15"/>
    <row r="7182" ht="27.75" customHeight="1" x14ac:dyDescent="0.15"/>
    <row r="7183" ht="27.75" customHeight="1" x14ac:dyDescent="0.15"/>
    <row r="7184" ht="27.75" customHeight="1" x14ac:dyDescent="0.15"/>
    <row r="7185" ht="27.75" customHeight="1" x14ac:dyDescent="0.15"/>
    <row r="7186" ht="27.75" customHeight="1" x14ac:dyDescent="0.15"/>
    <row r="7187" ht="27.75" customHeight="1" x14ac:dyDescent="0.15"/>
    <row r="7188" ht="27.75" customHeight="1" x14ac:dyDescent="0.15"/>
    <row r="7189" ht="27.75" customHeight="1" x14ac:dyDescent="0.15"/>
    <row r="7190" ht="27.75" customHeight="1" x14ac:dyDescent="0.15"/>
    <row r="7191" ht="27.75" customHeight="1" x14ac:dyDescent="0.15"/>
    <row r="7192" ht="27.75" customHeight="1" x14ac:dyDescent="0.15"/>
    <row r="7193" ht="27.75" customHeight="1" x14ac:dyDescent="0.15"/>
    <row r="7194" ht="27.75" customHeight="1" x14ac:dyDescent="0.15"/>
    <row r="7195" ht="27.75" customHeight="1" x14ac:dyDescent="0.15"/>
    <row r="7196" ht="27.75" customHeight="1" x14ac:dyDescent="0.15"/>
    <row r="7197" ht="27.75" customHeight="1" x14ac:dyDescent="0.15"/>
    <row r="7198" ht="27.75" customHeight="1" x14ac:dyDescent="0.15"/>
    <row r="7199" ht="27.75" customHeight="1" x14ac:dyDescent="0.15"/>
    <row r="7200" ht="27.75" customHeight="1" x14ac:dyDescent="0.15"/>
    <row r="7201" ht="27.75" customHeight="1" x14ac:dyDescent="0.15"/>
    <row r="7202" ht="27.75" customHeight="1" x14ac:dyDescent="0.15"/>
    <row r="7203" ht="27.75" customHeight="1" x14ac:dyDescent="0.15"/>
    <row r="7204" ht="27.75" customHeight="1" x14ac:dyDescent="0.15"/>
    <row r="7205" ht="27.75" customHeight="1" x14ac:dyDescent="0.15"/>
    <row r="7206" ht="27.75" customHeight="1" x14ac:dyDescent="0.15"/>
    <row r="7207" ht="27.75" customHeight="1" x14ac:dyDescent="0.15"/>
    <row r="7208" ht="27.75" customHeight="1" x14ac:dyDescent="0.15"/>
    <row r="7209" ht="27.75" customHeight="1" x14ac:dyDescent="0.15"/>
    <row r="7210" ht="27.75" customHeight="1" x14ac:dyDescent="0.15"/>
    <row r="7211" ht="27.75" customHeight="1" x14ac:dyDescent="0.15"/>
    <row r="7212" ht="27.75" customHeight="1" x14ac:dyDescent="0.15"/>
    <row r="7213" ht="27.75" customHeight="1" x14ac:dyDescent="0.15"/>
    <row r="7214" ht="27.75" customHeight="1" x14ac:dyDescent="0.15"/>
    <row r="7215" ht="27.75" customHeight="1" x14ac:dyDescent="0.15"/>
    <row r="7216" ht="27.75" customHeight="1" x14ac:dyDescent="0.15"/>
    <row r="7217" ht="27.75" customHeight="1" x14ac:dyDescent="0.15"/>
    <row r="7218" ht="27.75" customHeight="1" x14ac:dyDescent="0.15"/>
    <row r="7219" ht="27.75" customHeight="1" x14ac:dyDescent="0.15"/>
    <row r="7220" ht="27.75" customHeight="1" x14ac:dyDescent="0.15"/>
    <row r="7221" ht="27.75" customHeight="1" x14ac:dyDescent="0.15"/>
    <row r="7222" ht="27.75" customHeight="1" x14ac:dyDescent="0.15"/>
    <row r="7223" ht="27.75" customHeight="1" x14ac:dyDescent="0.15"/>
    <row r="7224" ht="27.75" customHeight="1" x14ac:dyDescent="0.15"/>
    <row r="7225" ht="27.75" customHeight="1" x14ac:dyDescent="0.15"/>
    <row r="7226" ht="27.75" customHeight="1" x14ac:dyDescent="0.15"/>
    <row r="7227" ht="27.75" customHeight="1" x14ac:dyDescent="0.15"/>
    <row r="7228" ht="27.75" customHeight="1" x14ac:dyDescent="0.15"/>
    <row r="7229" ht="27.75" customHeight="1" x14ac:dyDescent="0.15"/>
    <row r="7230" ht="27.75" customHeight="1" x14ac:dyDescent="0.15"/>
    <row r="7231" ht="27.75" customHeight="1" x14ac:dyDescent="0.15"/>
    <row r="7232" ht="27.75" customHeight="1" x14ac:dyDescent="0.15"/>
    <row r="7233" ht="27.75" customHeight="1" x14ac:dyDescent="0.15"/>
    <row r="7234" ht="27.75" customHeight="1" x14ac:dyDescent="0.15"/>
    <row r="7235" ht="27.75" customHeight="1" x14ac:dyDescent="0.15"/>
    <row r="7236" ht="27.75" customHeight="1" x14ac:dyDescent="0.15"/>
    <row r="7237" ht="27.75" customHeight="1" x14ac:dyDescent="0.15"/>
    <row r="7238" ht="27.75" customHeight="1" x14ac:dyDescent="0.15"/>
    <row r="7239" ht="27.75" customHeight="1" x14ac:dyDescent="0.15"/>
    <row r="7240" ht="27.75" customHeight="1" x14ac:dyDescent="0.15"/>
    <row r="7241" ht="27.75" customHeight="1" x14ac:dyDescent="0.15"/>
    <row r="7242" ht="27.75" customHeight="1" x14ac:dyDescent="0.15"/>
    <row r="7243" ht="27.75" customHeight="1" x14ac:dyDescent="0.15"/>
    <row r="7244" ht="27.75" customHeight="1" x14ac:dyDescent="0.15"/>
    <row r="7245" ht="27.75" customHeight="1" x14ac:dyDescent="0.15"/>
    <row r="7246" ht="27.75" customHeight="1" x14ac:dyDescent="0.15"/>
    <row r="7247" ht="27.75" customHeight="1" x14ac:dyDescent="0.15"/>
    <row r="7248" ht="27.75" customHeight="1" x14ac:dyDescent="0.15"/>
    <row r="7249" ht="27.75" customHeight="1" x14ac:dyDescent="0.15"/>
    <row r="7250" ht="27.75" customHeight="1" x14ac:dyDescent="0.15"/>
    <row r="7251" ht="27.75" customHeight="1" x14ac:dyDescent="0.15"/>
    <row r="7252" ht="27.75" customHeight="1" x14ac:dyDescent="0.15"/>
    <row r="7253" ht="27.75" customHeight="1" x14ac:dyDescent="0.15"/>
    <row r="7254" ht="27.75" customHeight="1" x14ac:dyDescent="0.15"/>
    <row r="7255" ht="27.75" customHeight="1" x14ac:dyDescent="0.15"/>
    <row r="7256" ht="27.75" customHeight="1" x14ac:dyDescent="0.15"/>
    <row r="7257" ht="27.75" customHeight="1" x14ac:dyDescent="0.15"/>
    <row r="7258" ht="27.75" customHeight="1" x14ac:dyDescent="0.15"/>
    <row r="7259" ht="27.75" customHeight="1" x14ac:dyDescent="0.15"/>
    <row r="7260" ht="27.75" customHeight="1" x14ac:dyDescent="0.15"/>
    <row r="7261" ht="27.75" customHeight="1" x14ac:dyDescent="0.15"/>
    <row r="7262" ht="27.75" customHeight="1" x14ac:dyDescent="0.15"/>
    <row r="7263" ht="27.75" customHeight="1" x14ac:dyDescent="0.15"/>
    <row r="7264" ht="27.75" customHeight="1" x14ac:dyDescent="0.15"/>
    <row r="7265" ht="27.75" customHeight="1" x14ac:dyDescent="0.15"/>
    <row r="7266" ht="27.75" customHeight="1" x14ac:dyDescent="0.15"/>
    <row r="7267" ht="27.75" customHeight="1" x14ac:dyDescent="0.15"/>
    <row r="7268" ht="27.75" customHeight="1" x14ac:dyDescent="0.15"/>
    <row r="7269" ht="27.75" customHeight="1" x14ac:dyDescent="0.15"/>
    <row r="7270" ht="27.75" customHeight="1" x14ac:dyDescent="0.15"/>
    <row r="7271" ht="27.75" customHeight="1" x14ac:dyDescent="0.15"/>
    <row r="7272" ht="27.75" customHeight="1" x14ac:dyDescent="0.15"/>
    <row r="7273" ht="27.75" customHeight="1" x14ac:dyDescent="0.15"/>
    <row r="7274" ht="27.75" customHeight="1" x14ac:dyDescent="0.15"/>
    <row r="7275" ht="27.75" customHeight="1" x14ac:dyDescent="0.15"/>
    <row r="7276" ht="27.75" customHeight="1" x14ac:dyDescent="0.15"/>
    <row r="7277" ht="27.75" customHeight="1" x14ac:dyDescent="0.15"/>
    <row r="7278" ht="27.75" customHeight="1" x14ac:dyDescent="0.15"/>
    <row r="7279" ht="27.75" customHeight="1" x14ac:dyDescent="0.15"/>
    <row r="7280" ht="27.75" customHeight="1" x14ac:dyDescent="0.15"/>
    <row r="7281" ht="27.75" customHeight="1" x14ac:dyDescent="0.15"/>
    <row r="7282" ht="27.75" customHeight="1" x14ac:dyDescent="0.15"/>
    <row r="7283" ht="27.75" customHeight="1" x14ac:dyDescent="0.15"/>
    <row r="7284" ht="27.75" customHeight="1" x14ac:dyDescent="0.15"/>
    <row r="7285" ht="27.75" customHeight="1" x14ac:dyDescent="0.15"/>
    <row r="7286" ht="27.75" customHeight="1" x14ac:dyDescent="0.15"/>
    <row r="7287" ht="27.75" customHeight="1" x14ac:dyDescent="0.15"/>
    <row r="7288" ht="27.75" customHeight="1" x14ac:dyDescent="0.15"/>
    <row r="7289" ht="27.75" customHeight="1" x14ac:dyDescent="0.15"/>
    <row r="7290" ht="27.75" customHeight="1" x14ac:dyDescent="0.15"/>
    <row r="7291" ht="27.75" customHeight="1" x14ac:dyDescent="0.15"/>
    <row r="7292" ht="27.75" customHeight="1" x14ac:dyDescent="0.15"/>
    <row r="7293" ht="27.75" customHeight="1" x14ac:dyDescent="0.15"/>
    <row r="7294" ht="27.75" customHeight="1" x14ac:dyDescent="0.15"/>
    <row r="7295" ht="27.75" customHeight="1" x14ac:dyDescent="0.15"/>
    <row r="7296" ht="27.75" customHeight="1" x14ac:dyDescent="0.15"/>
    <row r="7297" ht="27.75" customHeight="1" x14ac:dyDescent="0.15"/>
    <row r="7298" ht="27.75" customHeight="1" x14ac:dyDescent="0.15"/>
    <row r="7299" ht="27.75" customHeight="1" x14ac:dyDescent="0.15"/>
    <row r="7300" ht="27.75" customHeight="1" x14ac:dyDescent="0.15"/>
    <row r="7301" ht="27.75" customHeight="1" x14ac:dyDescent="0.15"/>
    <row r="7302" ht="27.75" customHeight="1" x14ac:dyDescent="0.15"/>
    <row r="7303" ht="27.75" customHeight="1" x14ac:dyDescent="0.15"/>
    <row r="7304" ht="27.75" customHeight="1" x14ac:dyDescent="0.15"/>
    <row r="7305" ht="27.75" customHeight="1" x14ac:dyDescent="0.15"/>
    <row r="7306" ht="27.75" customHeight="1" x14ac:dyDescent="0.15"/>
    <row r="7307" ht="27.75" customHeight="1" x14ac:dyDescent="0.15"/>
    <row r="7308" ht="27.75" customHeight="1" x14ac:dyDescent="0.15"/>
    <row r="7309" ht="27.75" customHeight="1" x14ac:dyDescent="0.15"/>
    <row r="7310" ht="27.75" customHeight="1" x14ac:dyDescent="0.15"/>
    <row r="7311" ht="27.75" customHeight="1" x14ac:dyDescent="0.15"/>
    <row r="7312" ht="27.75" customHeight="1" x14ac:dyDescent="0.15"/>
    <row r="7313" ht="27.75" customHeight="1" x14ac:dyDescent="0.15"/>
    <row r="7314" ht="27.75" customHeight="1" x14ac:dyDescent="0.15"/>
    <row r="7315" ht="27.75" customHeight="1" x14ac:dyDescent="0.15"/>
    <row r="7316" ht="27.75" customHeight="1" x14ac:dyDescent="0.15"/>
    <row r="7317" ht="27.75" customHeight="1" x14ac:dyDescent="0.15"/>
    <row r="7318" ht="27.75" customHeight="1" x14ac:dyDescent="0.15"/>
    <row r="7319" ht="27.75" customHeight="1" x14ac:dyDescent="0.15"/>
    <row r="7320" ht="27.75" customHeight="1" x14ac:dyDescent="0.15"/>
    <row r="7321" ht="27.75" customHeight="1" x14ac:dyDescent="0.15"/>
    <row r="7322" ht="27.75" customHeight="1" x14ac:dyDescent="0.15"/>
    <row r="7323" ht="27.75" customHeight="1" x14ac:dyDescent="0.15"/>
    <row r="7324" ht="27.75" customHeight="1" x14ac:dyDescent="0.15"/>
    <row r="7325" ht="27.75" customHeight="1" x14ac:dyDescent="0.15"/>
    <row r="7326" ht="27.75" customHeight="1" x14ac:dyDescent="0.15"/>
    <row r="7327" ht="27.75" customHeight="1" x14ac:dyDescent="0.15"/>
    <row r="7328" ht="27.75" customHeight="1" x14ac:dyDescent="0.15"/>
    <row r="7329" ht="27.75" customHeight="1" x14ac:dyDescent="0.15"/>
    <row r="7330" ht="27.75" customHeight="1" x14ac:dyDescent="0.15"/>
    <row r="7331" ht="27.75" customHeight="1" x14ac:dyDescent="0.15"/>
    <row r="7332" ht="27.75" customHeight="1" x14ac:dyDescent="0.15"/>
    <row r="7333" ht="27.75" customHeight="1" x14ac:dyDescent="0.15"/>
    <row r="7334" ht="27.75" customHeight="1" x14ac:dyDescent="0.15"/>
    <row r="7335" ht="27.75" customHeight="1" x14ac:dyDescent="0.15"/>
    <row r="7336" ht="27.75" customHeight="1" x14ac:dyDescent="0.15"/>
    <row r="7337" ht="27.75" customHeight="1" x14ac:dyDescent="0.15"/>
    <row r="7338" ht="27.75" customHeight="1" x14ac:dyDescent="0.15"/>
    <row r="7339" ht="27.75" customHeight="1" x14ac:dyDescent="0.15"/>
    <row r="7340" ht="27.75" customHeight="1" x14ac:dyDescent="0.15"/>
    <row r="7341" ht="27.75" customHeight="1" x14ac:dyDescent="0.15"/>
    <row r="7342" ht="27.75" customHeight="1" x14ac:dyDescent="0.15"/>
    <row r="7343" ht="27.75" customHeight="1" x14ac:dyDescent="0.15"/>
    <row r="7344" ht="27.75" customHeight="1" x14ac:dyDescent="0.15"/>
    <row r="7345" ht="27.75" customHeight="1" x14ac:dyDescent="0.15"/>
    <row r="7346" ht="27.75" customHeight="1" x14ac:dyDescent="0.15"/>
    <row r="7347" ht="27.75" customHeight="1" x14ac:dyDescent="0.15"/>
    <row r="7348" ht="27.75" customHeight="1" x14ac:dyDescent="0.15"/>
    <row r="7349" ht="27.75" customHeight="1" x14ac:dyDescent="0.15"/>
    <row r="7350" ht="27.75" customHeight="1" x14ac:dyDescent="0.15"/>
    <row r="7351" ht="27.75" customHeight="1" x14ac:dyDescent="0.15"/>
    <row r="7352" ht="27.75" customHeight="1" x14ac:dyDescent="0.15"/>
    <row r="7353" ht="27.75" customHeight="1" x14ac:dyDescent="0.15"/>
    <row r="7354" ht="27.75" customHeight="1" x14ac:dyDescent="0.15"/>
    <row r="7355" ht="27.75" customHeight="1" x14ac:dyDescent="0.15"/>
    <row r="7356" ht="27.75" customHeight="1" x14ac:dyDescent="0.15"/>
    <row r="7357" ht="27.75" customHeight="1" x14ac:dyDescent="0.15"/>
    <row r="7358" ht="27.75" customHeight="1" x14ac:dyDescent="0.15"/>
    <row r="7359" ht="27.75" customHeight="1" x14ac:dyDescent="0.15"/>
    <row r="7360" ht="27.75" customHeight="1" x14ac:dyDescent="0.15"/>
    <row r="7361" ht="27.75" customHeight="1" x14ac:dyDescent="0.15"/>
    <row r="7362" ht="27.75" customHeight="1" x14ac:dyDescent="0.15"/>
    <row r="7363" ht="27.75" customHeight="1" x14ac:dyDescent="0.15"/>
    <row r="7364" ht="27.75" customHeight="1" x14ac:dyDescent="0.15"/>
    <row r="7365" ht="27.75" customHeight="1" x14ac:dyDescent="0.15"/>
    <row r="7366" ht="27.75" customHeight="1" x14ac:dyDescent="0.15"/>
    <row r="7367" ht="27.75" customHeight="1" x14ac:dyDescent="0.15"/>
    <row r="7368" ht="27.75" customHeight="1" x14ac:dyDescent="0.15"/>
    <row r="7369" ht="27.75" customHeight="1" x14ac:dyDescent="0.15"/>
    <row r="7370" ht="27.75" customHeight="1" x14ac:dyDescent="0.15"/>
    <row r="7371" ht="27.75" customHeight="1" x14ac:dyDescent="0.15"/>
    <row r="7372" ht="27.75" customHeight="1" x14ac:dyDescent="0.15"/>
    <row r="7373" ht="27.75" customHeight="1" x14ac:dyDescent="0.15"/>
    <row r="7374" ht="27.75" customHeight="1" x14ac:dyDescent="0.15"/>
    <row r="7375" ht="27" customHeight="1" x14ac:dyDescent="0.15"/>
    <row r="7376" ht="27" customHeight="1" x14ac:dyDescent="0.15"/>
    <row r="7377" ht="27" customHeight="1" x14ac:dyDescent="0.15"/>
    <row r="7378" ht="27" customHeight="1" x14ac:dyDescent="0.15"/>
    <row r="7379" ht="27" customHeight="1" x14ac:dyDescent="0.15"/>
    <row r="7380" ht="27" customHeight="1" x14ac:dyDescent="0.15"/>
    <row r="7381" ht="27" customHeight="1" x14ac:dyDescent="0.15"/>
    <row r="7382" ht="27" customHeight="1" x14ac:dyDescent="0.15"/>
    <row r="7383" ht="27" customHeight="1" x14ac:dyDescent="0.15"/>
    <row r="7384" ht="27" customHeight="1" x14ac:dyDescent="0.15"/>
    <row r="7385" ht="27" customHeight="1" x14ac:dyDescent="0.15"/>
    <row r="7386" ht="27" customHeight="1" x14ac:dyDescent="0.15"/>
    <row r="7387" ht="27" customHeight="1" x14ac:dyDescent="0.15"/>
    <row r="7388" ht="27" customHeight="1" x14ac:dyDescent="0.15"/>
    <row r="7389" ht="27" customHeight="1" x14ac:dyDescent="0.15"/>
    <row r="7390" ht="27" customHeight="1" x14ac:dyDescent="0.15"/>
    <row r="7391" ht="27" customHeight="1" x14ac:dyDescent="0.15"/>
    <row r="7392" ht="27" customHeight="1" x14ac:dyDescent="0.15"/>
    <row r="7393" ht="27" customHeight="1" x14ac:dyDescent="0.15"/>
    <row r="7394" ht="27" customHeight="1" x14ac:dyDescent="0.15"/>
    <row r="7395" ht="27" customHeight="1" x14ac:dyDescent="0.15"/>
    <row r="7396" ht="27" customHeight="1" x14ac:dyDescent="0.15"/>
    <row r="7397" ht="27" customHeight="1" x14ac:dyDescent="0.15"/>
    <row r="7398" ht="27" customHeight="1" x14ac:dyDescent="0.15"/>
    <row r="7399" ht="27" customHeight="1" x14ac:dyDescent="0.15"/>
    <row r="7400" ht="27" customHeight="1" x14ac:dyDescent="0.15"/>
    <row r="7401" ht="27" customHeight="1" x14ac:dyDescent="0.15"/>
    <row r="7402" ht="27" customHeight="1" x14ac:dyDescent="0.15"/>
    <row r="7403" ht="27" customHeight="1" x14ac:dyDescent="0.15"/>
    <row r="7404" ht="27" customHeight="1" x14ac:dyDescent="0.15"/>
    <row r="7405" ht="27" customHeight="1" x14ac:dyDescent="0.15"/>
    <row r="7406" ht="27" customHeight="1" x14ac:dyDescent="0.15"/>
    <row r="7407" ht="27" customHeight="1" x14ac:dyDescent="0.15"/>
    <row r="7408" ht="27" customHeight="1" x14ac:dyDescent="0.15"/>
    <row r="7409" ht="27" customHeight="1" x14ac:dyDescent="0.15"/>
    <row r="7410" ht="27" customHeight="1" x14ac:dyDescent="0.15"/>
    <row r="7411" ht="27" customHeight="1" x14ac:dyDescent="0.15"/>
    <row r="7412" ht="27" customHeight="1" x14ac:dyDescent="0.15"/>
    <row r="7413" ht="27" customHeight="1" x14ac:dyDescent="0.15"/>
    <row r="7414" ht="27" customHeight="1" x14ac:dyDescent="0.15"/>
    <row r="7415" ht="27" customHeight="1" x14ac:dyDescent="0.15"/>
    <row r="7416" ht="27" customHeight="1" x14ac:dyDescent="0.15"/>
    <row r="7417" ht="27" customHeight="1" x14ac:dyDescent="0.15"/>
    <row r="7418" ht="27" customHeight="1" x14ac:dyDescent="0.15"/>
    <row r="7419" ht="27" customHeight="1" x14ac:dyDescent="0.15"/>
    <row r="7420" ht="27" customHeight="1" x14ac:dyDescent="0.15"/>
    <row r="7421" ht="27" customHeight="1" x14ac:dyDescent="0.15"/>
    <row r="7422" ht="27" customHeight="1" x14ac:dyDescent="0.15"/>
    <row r="7423" ht="27" customHeight="1" x14ac:dyDescent="0.15"/>
    <row r="7424" ht="27" customHeight="1" x14ac:dyDescent="0.15"/>
    <row r="7425" ht="27" customHeight="1" x14ac:dyDescent="0.15"/>
    <row r="7426" ht="27" customHeight="1" x14ac:dyDescent="0.15"/>
    <row r="7427" ht="27" customHeight="1" x14ac:dyDescent="0.15"/>
    <row r="7428" ht="27" customHeight="1" x14ac:dyDescent="0.15"/>
    <row r="7429" ht="27" customHeight="1" x14ac:dyDescent="0.15"/>
    <row r="7430" ht="27" customHeight="1" x14ac:dyDescent="0.15"/>
    <row r="7431" ht="27" customHeight="1" x14ac:dyDescent="0.15"/>
    <row r="7432" ht="27" customHeight="1" x14ac:dyDescent="0.15"/>
    <row r="7433" ht="27" customHeight="1" x14ac:dyDescent="0.15"/>
    <row r="7434" ht="27" customHeight="1" x14ac:dyDescent="0.15"/>
    <row r="7435" ht="27" customHeight="1" x14ac:dyDescent="0.15"/>
    <row r="7436" ht="27" customHeight="1" x14ac:dyDescent="0.15"/>
    <row r="7437" ht="27" customHeight="1" x14ac:dyDescent="0.15"/>
    <row r="7438" ht="27" customHeight="1" x14ac:dyDescent="0.15"/>
    <row r="7439" ht="27" customHeight="1" x14ac:dyDescent="0.15"/>
    <row r="7440" ht="27" customHeight="1" x14ac:dyDescent="0.15"/>
    <row r="7441" ht="27" customHeight="1" x14ac:dyDescent="0.15"/>
    <row r="7442" ht="27" customHeight="1" x14ac:dyDescent="0.15"/>
    <row r="7443" ht="27" customHeight="1" x14ac:dyDescent="0.15"/>
    <row r="7444" ht="27" customHeight="1" x14ac:dyDescent="0.15"/>
    <row r="7445" ht="27" customHeight="1" x14ac:dyDescent="0.15"/>
    <row r="7446" ht="27" customHeight="1" x14ac:dyDescent="0.15"/>
    <row r="7447" ht="27" customHeight="1" x14ac:dyDescent="0.15"/>
    <row r="7448" ht="27" customHeight="1" x14ac:dyDescent="0.15"/>
    <row r="7449" ht="27" customHeight="1" x14ac:dyDescent="0.15"/>
    <row r="7450" ht="27" customHeight="1" x14ac:dyDescent="0.15"/>
    <row r="7451" ht="27" customHeight="1" x14ac:dyDescent="0.15"/>
    <row r="7452" ht="27" customHeight="1" x14ac:dyDescent="0.15"/>
    <row r="7453" ht="27" customHeight="1" x14ac:dyDescent="0.15"/>
    <row r="7454" ht="27" customHeight="1" x14ac:dyDescent="0.15"/>
    <row r="7455" ht="27" customHeight="1" x14ac:dyDescent="0.15"/>
    <row r="7456" ht="27" customHeight="1" x14ac:dyDescent="0.15"/>
    <row r="7457" ht="27" customHeight="1" x14ac:dyDescent="0.15"/>
    <row r="7458" ht="27" customHeight="1" x14ac:dyDescent="0.15"/>
    <row r="7459" ht="27" customHeight="1" x14ac:dyDescent="0.15"/>
    <row r="7460" ht="27" customHeight="1" x14ac:dyDescent="0.15"/>
    <row r="7461" ht="27" customHeight="1" x14ac:dyDescent="0.15"/>
    <row r="7462" ht="27" customHeight="1" x14ac:dyDescent="0.15"/>
    <row r="7463" ht="27" customHeight="1" x14ac:dyDescent="0.15"/>
    <row r="7464" ht="27" customHeight="1" x14ac:dyDescent="0.15"/>
    <row r="7465" ht="27" customHeight="1" x14ac:dyDescent="0.15"/>
    <row r="7466" ht="27" customHeight="1" x14ac:dyDescent="0.15"/>
    <row r="7467" ht="27" customHeight="1" x14ac:dyDescent="0.15"/>
    <row r="7468" ht="27" customHeight="1" x14ac:dyDescent="0.15"/>
    <row r="7469" ht="27" customHeight="1" x14ac:dyDescent="0.15"/>
    <row r="7470" ht="27" customHeight="1" x14ac:dyDescent="0.15"/>
    <row r="7471" ht="27" customHeight="1" x14ac:dyDescent="0.15"/>
    <row r="7472" ht="27" customHeight="1" x14ac:dyDescent="0.15"/>
    <row r="7473" ht="27" customHeight="1" x14ac:dyDescent="0.15"/>
    <row r="7474" ht="27" customHeight="1" x14ac:dyDescent="0.15"/>
    <row r="7475" ht="27" customHeight="1" x14ac:dyDescent="0.15"/>
    <row r="7476" ht="27" customHeight="1" x14ac:dyDescent="0.15"/>
    <row r="7477" ht="27" customHeight="1" x14ac:dyDescent="0.15"/>
    <row r="7478" ht="27" customHeight="1" x14ac:dyDescent="0.15"/>
    <row r="7479" ht="27" customHeight="1" x14ac:dyDescent="0.15"/>
    <row r="7480" ht="27" customHeight="1" x14ac:dyDescent="0.15"/>
    <row r="7481" ht="27" customHeight="1" x14ac:dyDescent="0.15"/>
    <row r="7482" ht="27" customHeight="1" x14ac:dyDescent="0.15"/>
    <row r="7483" ht="27" customHeight="1" x14ac:dyDescent="0.15"/>
    <row r="7484" ht="27" customHeight="1" x14ac:dyDescent="0.15"/>
    <row r="7485" ht="27" customHeight="1" x14ac:dyDescent="0.15"/>
    <row r="7486" ht="27" customHeight="1" x14ac:dyDescent="0.15"/>
    <row r="7487" ht="27" customHeight="1" x14ac:dyDescent="0.15"/>
    <row r="7488" ht="27" customHeight="1" x14ac:dyDescent="0.15"/>
    <row r="7489" ht="27" customHeight="1" x14ac:dyDescent="0.15"/>
    <row r="7490" ht="27" customHeight="1" x14ac:dyDescent="0.15"/>
    <row r="7491" ht="27" customHeight="1" x14ac:dyDescent="0.15"/>
    <row r="7492" ht="27" customHeight="1" x14ac:dyDescent="0.15"/>
    <row r="7493" ht="27" customHeight="1" x14ac:dyDescent="0.15"/>
    <row r="7494" ht="27" customHeight="1" x14ac:dyDescent="0.15"/>
    <row r="7495" ht="27" customHeight="1" x14ac:dyDescent="0.15"/>
    <row r="7496" ht="27" customHeight="1" x14ac:dyDescent="0.15"/>
    <row r="7497" ht="27" customHeight="1" x14ac:dyDescent="0.15"/>
    <row r="7498" ht="27" customHeight="1" x14ac:dyDescent="0.15"/>
    <row r="7499" ht="27" customHeight="1" x14ac:dyDescent="0.15"/>
    <row r="7500" ht="27" customHeight="1" x14ac:dyDescent="0.15"/>
    <row r="7501" ht="27" customHeight="1" x14ac:dyDescent="0.15"/>
    <row r="7502" ht="27" customHeight="1" x14ac:dyDescent="0.15"/>
    <row r="7503" ht="27" customHeight="1" x14ac:dyDescent="0.15"/>
    <row r="7504" ht="27" customHeight="1" x14ac:dyDescent="0.15"/>
    <row r="7505" ht="27" customHeight="1" x14ac:dyDescent="0.15"/>
    <row r="7506" ht="27" customHeight="1" x14ac:dyDescent="0.15"/>
    <row r="7507" ht="27" customHeight="1" x14ac:dyDescent="0.15"/>
    <row r="7508" ht="27" customHeight="1" x14ac:dyDescent="0.15"/>
    <row r="7509" ht="27" customHeight="1" x14ac:dyDescent="0.15"/>
    <row r="7510" ht="27" customHeight="1" x14ac:dyDescent="0.15"/>
    <row r="7511" ht="27" customHeight="1" x14ac:dyDescent="0.15"/>
    <row r="7512" ht="27" customHeight="1" x14ac:dyDescent="0.15"/>
    <row r="7513" ht="27" customHeight="1" x14ac:dyDescent="0.15"/>
    <row r="7514" ht="27" customHeight="1" x14ac:dyDescent="0.15"/>
    <row r="7515" ht="27" customHeight="1" x14ac:dyDescent="0.15"/>
    <row r="7516" ht="27" customHeight="1" x14ac:dyDescent="0.15"/>
    <row r="7517" ht="27" customHeight="1" x14ac:dyDescent="0.15"/>
    <row r="7518" ht="27" customHeight="1" x14ac:dyDescent="0.15"/>
    <row r="7519" ht="27" customHeight="1" x14ac:dyDescent="0.15"/>
    <row r="7520" ht="27" customHeight="1" x14ac:dyDescent="0.15"/>
    <row r="7521" ht="27" customHeight="1" x14ac:dyDescent="0.15"/>
    <row r="7522" ht="14.25" customHeight="1" x14ac:dyDescent="0.15"/>
    <row r="7523" ht="14.25" customHeight="1" x14ac:dyDescent="0.15"/>
    <row r="7524" ht="14.25" customHeight="1" x14ac:dyDescent="0.15"/>
    <row r="7525" ht="14.25" customHeight="1" x14ac:dyDescent="0.15"/>
    <row r="7526" ht="14.25" customHeight="1" x14ac:dyDescent="0.15"/>
    <row r="7527" ht="14.25" customHeight="1" x14ac:dyDescent="0.15"/>
    <row r="7528" ht="14.25" customHeight="1" x14ac:dyDescent="0.15"/>
    <row r="7529" ht="14.25" customHeight="1" x14ac:dyDescent="0.15"/>
    <row r="7530" ht="14.25" customHeight="1" x14ac:dyDescent="0.15"/>
    <row r="7531" ht="14.25" customHeight="1" x14ac:dyDescent="0.15"/>
    <row r="7532" ht="14.25" customHeight="1" x14ac:dyDescent="0.15"/>
    <row r="7533" ht="14.25" customHeight="1" x14ac:dyDescent="0.15"/>
    <row r="7534" ht="14.25" customHeight="1" x14ac:dyDescent="0.15"/>
    <row r="7535" ht="14.25" customHeight="1" x14ac:dyDescent="0.15"/>
    <row r="7536" ht="14.25" customHeight="1" x14ac:dyDescent="0.15"/>
    <row r="7537" ht="14.25" customHeight="1" x14ac:dyDescent="0.15"/>
    <row r="7538" ht="14.25" customHeight="1" x14ac:dyDescent="0.15"/>
    <row r="7539" ht="14.25" customHeight="1" x14ac:dyDescent="0.15"/>
    <row r="7540" ht="14.25" customHeight="1" x14ac:dyDescent="0.15"/>
    <row r="7541" ht="14.25" customHeight="1" x14ac:dyDescent="0.15"/>
    <row r="7542" ht="14.25" customHeight="1" x14ac:dyDescent="0.15"/>
    <row r="7543" ht="14.25" customHeight="1" x14ac:dyDescent="0.15"/>
    <row r="7544" ht="14.25" customHeight="1" x14ac:dyDescent="0.15"/>
    <row r="7545" ht="14.25" customHeight="1" x14ac:dyDescent="0.15"/>
    <row r="7546" ht="14.25" customHeight="1" x14ac:dyDescent="0.15"/>
    <row r="7547" ht="14.25" customHeight="1" x14ac:dyDescent="0.15"/>
    <row r="7548" ht="14.25" customHeight="1" x14ac:dyDescent="0.15"/>
    <row r="7549" ht="14.25" customHeight="1" x14ac:dyDescent="0.15"/>
    <row r="7550" ht="14.25" customHeight="1" x14ac:dyDescent="0.15"/>
    <row r="7551" ht="14.25" customHeight="1" x14ac:dyDescent="0.15"/>
    <row r="7552" ht="14.25" customHeight="1" x14ac:dyDescent="0.15"/>
    <row r="7553" ht="14.25" customHeight="1" x14ac:dyDescent="0.15"/>
    <row r="7554" ht="14.25" customHeight="1" x14ac:dyDescent="0.15"/>
    <row r="7555" ht="14.25" customHeight="1" x14ac:dyDescent="0.15"/>
    <row r="7556" ht="14.25" customHeight="1" x14ac:dyDescent="0.15"/>
    <row r="7557" ht="14.25" customHeight="1" x14ac:dyDescent="0.15"/>
    <row r="7558" ht="14.25" customHeight="1" x14ac:dyDescent="0.15"/>
    <row r="7559" ht="14.25" customHeight="1" x14ac:dyDescent="0.15"/>
    <row r="7560" ht="14.25" customHeight="1" x14ac:dyDescent="0.15"/>
    <row r="7561" ht="14.25" customHeight="1" x14ac:dyDescent="0.15"/>
    <row r="7562" ht="14.25" customHeight="1" x14ac:dyDescent="0.15"/>
    <row r="7563" ht="14.25" customHeight="1" x14ac:dyDescent="0.15"/>
    <row r="7564" ht="14.25" customHeight="1" x14ac:dyDescent="0.15"/>
    <row r="7565" ht="14.25" customHeight="1" x14ac:dyDescent="0.15"/>
    <row r="7566" ht="14.25" customHeight="1" x14ac:dyDescent="0.15"/>
    <row r="7567" ht="14.25" customHeight="1" x14ac:dyDescent="0.15"/>
    <row r="7568" ht="14.25" customHeight="1" x14ac:dyDescent="0.15"/>
    <row r="7569" ht="14.25" customHeight="1" x14ac:dyDescent="0.15"/>
    <row r="7570" ht="14.25" customHeight="1" x14ac:dyDescent="0.15"/>
    <row r="7571" ht="14.25" customHeight="1" x14ac:dyDescent="0.15"/>
    <row r="7572" ht="14.25" customHeight="1" x14ac:dyDescent="0.15"/>
    <row r="7573" ht="14.25" customHeight="1" x14ac:dyDescent="0.15"/>
    <row r="7574" ht="14.25" customHeight="1" x14ac:dyDescent="0.15"/>
    <row r="7575" ht="14.25" customHeight="1" x14ac:dyDescent="0.15"/>
    <row r="7576" ht="14.25" customHeight="1" x14ac:dyDescent="0.15"/>
    <row r="7577" ht="14.25" customHeight="1" x14ac:dyDescent="0.15"/>
    <row r="7578" ht="14.25" customHeight="1" x14ac:dyDescent="0.15"/>
    <row r="7579" ht="14.25" customHeight="1" x14ac:dyDescent="0.15"/>
    <row r="7580" ht="14.25" customHeight="1" x14ac:dyDescent="0.15"/>
    <row r="7581" ht="14.25" customHeight="1" x14ac:dyDescent="0.15"/>
    <row r="7582" ht="14.25" customHeight="1" x14ac:dyDescent="0.15"/>
    <row r="7583" ht="14.25" customHeight="1" x14ac:dyDescent="0.15"/>
    <row r="7584" ht="14.25" customHeight="1" x14ac:dyDescent="0.15"/>
    <row r="7585" ht="14.25" customHeight="1" x14ac:dyDescent="0.15"/>
    <row r="7586" ht="14.25" customHeight="1" x14ac:dyDescent="0.15"/>
    <row r="7587" ht="14.25" customHeight="1" x14ac:dyDescent="0.15"/>
    <row r="7588" ht="14.25" customHeight="1" x14ac:dyDescent="0.15"/>
    <row r="7589" ht="14.25" customHeight="1" x14ac:dyDescent="0.15"/>
    <row r="7590" ht="14.25" customHeight="1" x14ac:dyDescent="0.15"/>
    <row r="7591" ht="14.25" customHeight="1" x14ac:dyDescent="0.15"/>
    <row r="7592" ht="14.25" customHeight="1" x14ac:dyDescent="0.15"/>
    <row r="7593" ht="14.25" customHeight="1" x14ac:dyDescent="0.15"/>
    <row r="7594" ht="14.25" customHeight="1" x14ac:dyDescent="0.15"/>
    <row r="7595" ht="14.25" customHeight="1" x14ac:dyDescent="0.15"/>
    <row r="7596" ht="14.25" customHeight="1" x14ac:dyDescent="0.15"/>
    <row r="7597" ht="14.25" customHeight="1" x14ac:dyDescent="0.15"/>
    <row r="7598" ht="14.25" customHeight="1" x14ac:dyDescent="0.15"/>
    <row r="7599" ht="14.25" customHeight="1" x14ac:dyDescent="0.15"/>
    <row r="7600" ht="14.25" customHeight="1" x14ac:dyDescent="0.15"/>
    <row r="7601" ht="14.25" customHeight="1" x14ac:dyDescent="0.15"/>
    <row r="7602" ht="14.25" customHeight="1" x14ac:dyDescent="0.15"/>
    <row r="7603" ht="14.25" customHeight="1" x14ac:dyDescent="0.15"/>
    <row r="7604" ht="14.25" customHeight="1" x14ac:dyDescent="0.15"/>
    <row r="7605" ht="14.25" customHeight="1" x14ac:dyDescent="0.15"/>
    <row r="7606" ht="14.25" customHeight="1" x14ac:dyDescent="0.15"/>
    <row r="7607" ht="14.25" customHeight="1" x14ac:dyDescent="0.15"/>
    <row r="7608" ht="14.25" customHeight="1" x14ac:dyDescent="0.15"/>
    <row r="7609" ht="14.25" customHeight="1" x14ac:dyDescent="0.15"/>
    <row r="7610" ht="14.25" customHeight="1" x14ac:dyDescent="0.15"/>
    <row r="7611" ht="14.25" customHeight="1" x14ac:dyDescent="0.15"/>
    <row r="7612" ht="14.25" customHeight="1" x14ac:dyDescent="0.15"/>
    <row r="7613" ht="14.25" customHeight="1" x14ac:dyDescent="0.15"/>
    <row r="7614" ht="14.25" customHeight="1" x14ac:dyDescent="0.15"/>
    <row r="7615" ht="14.25" customHeight="1" x14ac:dyDescent="0.15"/>
    <row r="7616" ht="14.25" customHeight="1" x14ac:dyDescent="0.15"/>
    <row r="7617" ht="14.25" customHeight="1" x14ac:dyDescent="0.15"/>
    <row r="7618" ht="14.25" customHeight="1" x14ac:dyDescent="0.15"/>
    <row r="7619" ht="14.25" customHeight="1" x14ac:dyDescent="0.15"/>
    <row r="7620" ht="14.25" customHeight="1" x14ac:dyDescent="0.15"/>
    <row r="7621" ht="14.25" customHeight="1" x14ac:dyDescent="0.15"/>
    <row r="7622" ht="14.25" customHeight="1" x14ac:dyDescent="0.15"/>
    <row r="7623" ht="14.25" customHeight="1" x14ac:dyDescent="0.15"/>
    <row r="7624" ht="14.25" customHeight="1" x14ac:dyDescent="0.15"/>
    <row r="7625" ht="14.25" customHeight="1" x14ac:dyDescent="0.15"/>
    <row r="7626" ht="14.25" customHeight="1" x14ac:dyDescent="0.15"/>
    <row r="7627" ht="14.25" customHeight="1" x14ac:dyDescent="0.15"/>
    <row r="7628" ht="14.25" customHeight="1" x14ac:dyDescent="0.15"/>
    <row r="7629" ht="14.25" customHeight="1" x14ac:dyDescent="0.15"/>
    <row r="7630" ht="14.25" customHeight="1" x14ac:dyDescent="0.15"/>
    <row r="7631" ht="14.25" customHeight="1" x14ac:dyDescent="0.15"/>
    <row r="7632" ht="14.25" customHeight="1" x14ac:dyDescent="0.15"/>
    <row r="7633" ht="14.25" customHeight="1" x14ac:dyDescent="0.15"/>
    <row r="7634" ht="14.25" customHeight="1" x14ac:dyDescent="0.15"/>
    <row r="7635" ht="14.25" customHeight="1" x14ac:dyDescent="0.15"/>
    <row r="7636" ht="14.25" customHeight="1" x14ac:dyDescent="0.15"/>
    <row r="7637" ht="14.25" customHeight="1" x14ac:dyDescent="0.15"/>
    <row r="7638" ht="14.25" customHeight="1" x14ac:dyDescent="0.15"/>
    <row r="7639" ht="14.25" customHeight="1" x14ac:dyDescent="0.15"/>
    <row r="7640" ht="14.25" customHeight="1" x14ac:dyDescent="0.15"/>
    <row r="7641" ht="14.25" customHeight="1" x14ac:dyDescent="0.15"/>
    <row r="7642" ht="14.25" customHeight="1" x14ac:dyDescent="0.15"/>
    <row r="7643" ht="14.25" customHeight="1" x14ac:dyDescent="0.15"/>
    <row r="7644" ht="14.25" customHeight="1" x14ac:dyDescent="0.15"/>
    <row r="7645" ht="14.25" customHeight="1" x14ac:dyDescent="0.15"/>
    <row r="7646" ht="14.25" customHeight="1" x14ac:dyDescent="0.15"/>
    <row r="7647" ht="14.25" customHeight="1" x14ac:dyDescent="0.15"/>
    <row r="7648" ht="14.25" customHeight="1" x14ac:dyDescent="0.15"/>
    <row r="7649" ht="14.25" customHeight="1" x14ac:dyDescent="0.15"/>
    <row r="7650" ht="14.25" customHeight="1" x14ac:dyDescent="0.15"/>
    <row r="7651" ht="14.25" customHeight="1" x14ac:dyDescent="0.15"/>
    <row r="7652" ht="14.25" customHeight="1" x14ac:dyDescent="0.15"/>
    <row r="7653" ht="14.25" customHeight="1" x14ac:dyDescent="0.15"/>
    <row r="7654" ht="14.25" customHeight="1" x14ac:dyDescent="0.15"/>
    <row r="7655" ht="14.25" customHeight="1" x14ac:dyDescent="0.15"/>
    <row r="7656" ht="14.25" customHeight="1" x14ac:dyDescent="0.15"/>
    <row r="7657" ht="14.25" customHeight="1" x14ac:dyDescent="0.15"/>
    <row r="7658" ht="14.25" customHeight="1" x14ac:dyDescent="0.15"/>
    <row r="7659" ht="14.25" customHeight="1" x14ac:dyDescent="0.15"/>
    <row r="7660" ht="14.25" customHeight="1" x14ac:dyDescent="0.15"/>
    <row r="7661" ht="14.25" customHeight="1" x14ac:dyDescent="0.15"/>
    <row r="7662" ht="14.25" customHeight="1" x14ac:dyDescent="0.15"/>
    <row r="7663" ht="14.25" customHeight="1" x14ac:dyDescent="0.15"/>
    <row r="7664" ht="14.25" customHeight="1" x14ac:dyDescent="0.15"/>
    <row r="7665" ht="14.25" customHeight="1" x14ac:dyDescent="0.15"/>
    <row r="7666" ht="14.25" customHeight="1" x14ac:dyDescent="0.15"/>
    <row r="7667" ht="14.25" customHeight="1" x14ac:dyDescent="0.15"/>
    <row r="7668" ht="14.25" customHeight="1" x14ac:dyDescent="0.15"/>
    <row r="7669" ht="14.25" customHeight="1" x14ac:dyDescent="0.15"/>
    <row r="7670" ht="14.25" customHeight="1" x14ac:dyDescent="0.15"/>
    <row r="7671" ht="14.25" customHeight="1" x14ac:dyDescent="0.15"/>
    <row r="7672" ht="14.25" customHeight="1" x14ac:dyDescent="0.15"/>
    <row r="7673" ht="14.25" customHeight="1" x14ac:dyDescent="0.15"/>
    <row r="7674" ht="14.25" customHeight="1" x14ac:dyDescent="0.15"/>
    <row r="7675" ht="14.25" customHeight="1" x14ac:dyDescent="0.15"/>
    <row r="7676" ht="14.25" customHeight="1" x14ac:dyDescent="0.15"/>
    <row r="7677" ht="14.25" customHeight="1" x14ac:dyDescent="0.15"/>
    <row r="7678" ht="14.25" customHeight="1" x14ac:dyDescent="0.15"/>
    <row r="7679" ht="14.25" customHeight="1" x14ac:dyDescent="0.15"/>
    <row r="7680" ht="14.25" customHeight="1" x14ac:dyDescent="0.15"/>
    <row r="7681" ht="14.25" customHeight="1" x14ac:dyDescent="0.15"/>
    <row r="7682" ht="14.25" customHeight="1" x14ac:dyDescent="0.15"/>
    <row r="7683" ht="14.25" customHeight="1" x14ac:dyDescent="0.15"/>
    <row r="7684" ht="14.25" customHeight="1" x14ac:dyDescent="0.15"/>
    <row r="7685" ht="14.25" customHeight="1" x14ac:dyDescent="0.15"/>
    <row r="7686" ht="14.25" customHeight="1" x14ac:dyDescent="0.15"/>
    <row r="7687" ht="14.25" customHeight="1" x14ac:dyDescent="0.15"/>
    <row r="7688" ht="14.25" customHeight="1" x14ac:dyDescent="0.15"/>
    <row r="7689" ht="14.25" customHeight="1" x14ac:dyDescent="0.15"/>
    <row r="7690" ht="14.25" customHeight="1" x14ac:dyDescent="0.15"/>
    <row r="7691" ht="14.25" customHeight="1" x14ac:dyDescent="0.15"/>
    <row r="7692" ht="14.25" customHeight="1" x14ac:dyDescent="0.15"/>
    <row r="7693" ht="14.25" customHeight="1" x14ac:dyDescent="0.15"/>
    <row r="7694" ht="14.25" customHeight="1" x14ac:dyDescent="0.15"/>
    <row r="7695" ht="14.25" customHeight="1" x14ac:dyDescent="0.15"/>
    <row r="7696" ht="14.25" customHeight="1" x14ac:dyDescent="0.15"/>
    <row r="7697" ht="14.25" customHeight="1" x14ac:dyDescent="0.15"/>
    <row r="7698" ht="14.25" customHeight="1" x14ac:dyDescent="0.15"/>
    <row r="7699" ht="14.25" customHeight="1" x14ac:dyDescent="0.15"/>
    <row r="7700" ht="14.25" customHeight="1" x14ac:dyDescent="0.15"/>
    <row r="7701" ht="14.25" customHeight="1" x14ac:dyDescent="0.15"/>
    <row r="7702" ht="14.25" customHeight="1" x14ac:dyDescent="0.15"/>
    <row r="7703" ht="14.25" customHeight="1" x14ac:dyDescent="0.15"/>
    <row r="7704" ht="14.25" customHeight="1" x14ac:dyDescent="0.15"/>
    <row r="7705" ht="14.25" customHeight="1" x14ac:dyDescent="0.15"/>
    <row r="7706" ht="14.25" customHeight="1" x14ac:dyDescent="0.15"/>
    <row r="7707" ht="14.25" customHeight="1" x14ac:dyDescent="0.15"/>
    <row r="7708" ht="14.25" customHeight="1" x14ac:dyDescent="0.15"/>
    <row r="7709" ht="14.25" customHeight="1" x14ac:dyDescent="0.15"/>
    <row r="7710" ht="14.25" customHeight="1" x14ac:dyDescent="0.15"/>
    <row r="7711" ht="14.25" customHeight="1" x14ac:dyDescent="0.15"/>
    <row r="7712" ht="14.25" customHeight="1" x14ac:dyDescent="0.15"/>
    <row r="7713" ht="14.25" customHeight="1" x14ac:dyDescent="0.15"/>
    <row r="7714" ht="14.25" customHeight="1" x14ac:dyDescent="0.15"/>
    <row r="7715" ht="14.25" customHeight="1" x14ac:dyDescent="0.15"/>
    <row r="7716" ht="14.25" customHeight="1" x14ac:dyDescent="0.15"/>
    <row r="7717" ht="14.25" customHeight="1" x14ac:dyDescent="0.15"/>
    <row r="7718" ht="14.25" customHeight="1" x14ac:dyDescent="0.15"/>
    <row r="7719" ht="14.25" customHeight="1" x14ac:dyDescent="0.15"/>
    <row r="7720" ht="14.25" customHeight="1" x14ac:dyDescent="0.15"/>
    <row r="7721" ht="14.25" customHeight="1" x14ac:dyDescent="0.15"/>
    <row r="7722" ht="14.25" customHeight="1" x14ac:dyDescent="0.15"/>
    <row r="7723" ht="14.25" customHeight="1" x14ac:dyDescent="0.15"/>
    <row r="7724" ht="14.25" customHeight="1" x14ac:dyDescent="0.15"/>
    <row r="7725" ht="14.25" customHeight="1" x14ac:dyDescent="0.15"/>
    <row r="7726" ht="14.25" customHeight="1" x14ac:dyDescent="0.15"/>
    <row r="7727" ht="14.25" customHeight="1" x14ac:dyDescent="0.15"/>
    <row r="7728" ht="14.25" customHeight="1" x14ac:dyDescent="0.15"/>
    <row r="7729" ht="14.25" customHeight="1" x14ac:dyDescent="0.15"/>
    <row r="7730" ht="14.25" customHeight="1" x14ac:dyDescent="0.15"/>
    <row r="7731" ht="14.25" customHeight="1" x14ac:dyDescent="0.15"/>
    <row r="7732" ht="14.25" customHeight="1" x14ac:dyDescent="0.15"/>
    <row r="7733" ht="14.25" customHeight="1" x14ac:dyDescent="0.15"/>
    <row r="7734" ht="14.25" customHeight="1" x14ac:dyDescent="0.15"/>
    <row r="7735" ht="14.25" customHeight="1" x14ac:dyDescent="0.15"/>
    <row r="7736" ht="14.25" customHeight="1" x14ac:dyDescent="0.15"/>
    <row r="7737" ht="14.25" customHeight="1" x14ac:dyDescent="0.15"/>
    <row r="7738" ht="14.25" customHeight="1" x14ac:dyDescent="0.15"/>
    <row r="7739" ht="14.25" customHeight="1" x14ac:dyDescent="0.15"/>
    <row r="7740" ht="14.25" customHeight="1" x14ac:dyDescent="0.15"/>
    <row r="7741" ht="14.25" customHeight="1" x14ac:dyDescent="0.15"/>
    <row r="7742" ht="14.25" customHeight="1" x14ac:dyDescent="0.15"/>
    <row r="7743" ht="14.25" customHeight="1" x14ac:dyDescent="0.15"/>
    <row r="7744" ht="14.25" customHeight="1" x14ac:dyDescent="0.15"/>
    <row r="7745" ht="14.25" customHeight="1" x14ac:dyDescent="0.15"/>
    <row r="7746" ht="14.25" customHeight="1" x14ac:dyDescent="0.15"/>
    <row r="7747" ht="14.25" customHeight="1" x14ac:dyDescent="0.15"/>
    <row r="7748" ht="14.25" customHeight="1" x14ac:dyDescent="0.15"/>
    <row r="7749" ht="14.25" customHeight="1" x14ac:dyDescent="0.15"/>
    <row r="7750" ht="14.25" customHeight="1" x14ac:dyDescent="0.15"/>
    <row r="7751" ht="14.25" customHeight="1" x14ac:dyDescent="0.15"/>
    <row r="7752" ht="14.25" customHeight="1" x14ac:dyDescent="0.15"/>
    <row r="7753" ht="14.25" customHeight="1" x14ac:dyDescent="0.15"/>
    <row r="7754" ht="14.25" customHeight="1" x14ac:dyDescent="0.15"/>
    <row r="7755" ht="14.25" customHeight="1" x14ac:dyDescent="0.15"/>
    <row r="7756" ht="14.25" customHeight="1" x14ac:dyDescent="0.15"/>
    <row r="7757" ht="14.25" customHeight="1" x14ac:dyDescent="0.15"/>
    <row r="7758" ht="14.25" customHeight="1" x14ac:dyDescent="0.15"/>
    <row r="7759" ht="14.25" customHeight="1" x14ac:dyDescent="0.15"/>
    <row r="7760" ht="14.25" customHeight="1" x14ac:dyDescent="0.15"/>
    <row r="7761" ht="14.25" customHeight="1" x14ac:dyDescent="0.15"/>
    <row r="7762" ht="14.25" customHeight="1" x14ac:dyDescent="0.15"/>
    <row r="7763" ht="14.25" customHeight="1" x14ac:dyDescent="0.15"/>
    <row r="7764" ht="14.25" customHeight="1" x14ac:dyDescent="0.15"/>
    <row r="7765" ht="14.25" customHeight="1" x14ac:dyDescent="0.15"/>
    <row r="7766" ht="14.25" customHeight="1" x14ac:dyDescent="0.15"/>
    <row r="7767" ht="14.25" customHeight="1" x14ac:dyDescent="0.15"/>
    <row r="7768" ht="14.25" customHeight="1" x14ac:dyDescent="0.15"/>
    <row r="7769" ht="14.25" customHeight="1" x14ac:dyDescent="0.15"/>
    <row r="7770" ht="14.25" customHeight="1" x14ac:dyDescent="0.15"/>
    <row r="7771" ht="14.25" customHeight="1" x14ac:dyDescent="0.15"/>
    <row r="7772" ht="14.25" customHeight="1" x14ac:dyDescent="0.15"/>
    <row r="7773" ht="14.25" customHeight="1" x14ac:dyDescent="0.15"/>
    <row r="7774" ht="14.25" customHeight="1" x14ac:dyDescent="0.15"/>
    <row r="7775" ht="14.25" customHeight="1" x14ac:dyDescent="0.15"/>
    <row r="7776" ht="14.25" customHeight="1" x14ac:dyDescent="0.15"/>
    <row r="7777" ht="14.25" customHeight="1" x14ac:dyDescent="0.15"/>
    <row r="7778" ht="14.25" customHeight="1" x14ac:dyDescent="0.15"/>
    <row r="7779" ht="14.25" customHeight="1" x14ac:dyDescent="0.15"/>
    <row r="7780" ht="14.25" customHeight="1" x14ac:dyDescent="0.15"/>
    <row r="7781" ht="14.25" customHeight="1" x14ac:dyDescent="0.15"/>
    <row r="7782" ht="14.25" customHeight="1" x14ac:dyDescent="0.15"/>
    <row r="7783" ht="14.25" customHeight="1" x14ac:dyDescent="0.15"/>
    <row r="7784" ht="14.25" customHeight="1" x14ac:dyDescent="0.15"/>
    <row r="7785" ht="14.25" customHeight="1" x14ac:dyDescent="0.15"/>
    <row r="7786" ht="14.25" customHeight="1" x14ac:dyDescent="0.15"/>
    <row r="7787" ht="14.25" customHeight="1" x14ac:dyDescent="0.15"/>
    <row r="7788" ht="14.25" customHeight="1" x14ac:dyDescent="0.15"/>
    <row r="7789" ht="14.25" customHeight="1" x14ac:dyDescent="0.15"/>
    <row r="7790" ht="14.25" customHeight="1" x14ac:dyDescent="0.15"/>
    <row r="7791" ht="14.25" customHeight="1" x14ac:dyDescent="0.15"/>
    <row r="7792" ht="14.25" customHeight="1" x14ac:dyDescent="0.15"/>
    <row r="7793" ht="14.25" customHeight="1" x14ac:dyDescent="0.15"/>
    <row r="7794" ht="14.25" customHeight="1" x14ac:dyDescent="0.15"/>
    <row r="7795" ht="14.25" customHeight="1" x14ac:dyDescent="0.15"/>
    <row r="7796" ht="14.25" customHeight="1" x14ac:dyDescent="0.15"/>
    <row r="7797" ht="14.25" customHeight="1" x14ac:dyDescent="0.15"/>
    <row r="7798" ht="14.25" customHeight="1" x14ac:dyDescent="0.15"/>
    <row r="7799" ht="14.25" customHeight="1" x14ac:dyDescent="0.15"/>
    <row r="7800" ht="14.25" customHeight="1" x14ac:dyDescent="0.15"/>
    <row r="7801" ht="14.25" customHeight="1" x14ac:dyDescent="0.15"/>
    <row r="7802" ht="14.25" customHeight="1" x14ac:dyDescent="0.15"/>
    <row r="7803" ht="14.25" customHeight="1" x14ac:dyDescent="0.15"/>
    <row r="7804" ht="14.25" customHeight="1" x14ac:dyDescent="0.15"/>
    <row r="7805" ht="14.25" customHeight="1" x14ac:dyDescent="0.15"/>
    <row r="7806" ht="14.25" customHeight="1" x14ac:dyDescent="0.15"/>
    <row r="7807" ht="14.25" customHeight="1" x14ac:dyDescent="0.15"/>
    <row r="7808" ht="14.25" customHeight="1" x14ac:dyDescent="0.15"/>
    <row r="7809" ht="14.25" customHeight="1" x14ac:dyDescent="0.15"/>
    <row r="7810" ht="14.25" customHeight="1" x14ac:dyDescent="0.15"/>
    <row r="7811" ht="14.25" customHeight="1" x14ac:dyDescent="0.15"/>
    <row r="7812" ht="14.25" customHeight="1" x14ac:dyDescent="0.15"/>
    <row r="7813" ht="14.25" customHeight="1" x14ac:dyDescent="0.15"/>
    <row r="7814" ht="14.25" customHeight="1" x14ac:dyDescent="0.15"/>
    <row r="7815" ht="14.25" customHeight="1" x14ac:dyDescent="0.15"/>
    <row r="7816" ht="14.25" customHeight="1" x14ac:dyDescent="0.15"/>
    <row r="7817" ht="14.25" customHeight="1" x14ac:dyDescent="0.15"/>
    <row r="7818" ht="14.25" customHeight="1" x14ac:dyDescent="0.15"/>
    <row r="7819" ht="14.25" customHeight="1" x14ac:dyDescent="0.15"/>
    <row r="7820" ht="14.25" customHeight="1" x14ac:dyDescent="0.15"/>
    <row r="7821" ht="14.25" customHeight="1" x14ac:dyDescent="0.15"/>
    <row r="7822" ht="14.25" customHeight="1" x14ac:dyDescent="0.15"/>
    <row r="7823" ht="14.25" customHeight="1" x14ac:dyDescent="0.15"/>
    <row r="7824" ht="14.25" customHeight="1" x14ac:dyDescent="0.15"/>
    <row r="7825" ht="14.25" customHeight="1" x14ac:dyDescent="0.15"/>
    <row r="7826" ht="14.25" customHeight="1" x14ac:dyDescent="0.15"/>
    <row r="7827" ht="14.25" customHeight="1" x14ac:dyDescent="0.15"/>
    <row r="7828" ht="14.25" customHeight="1" x14ac:dyDescent="0.15"/>
    <row r="7829" ht="14.25" customHeight="1" x14ac:dyDescent="0.15"/>
    <row r="7830" ht="14.25" customHeight="1" x14ac:dyDescent="0.15"/>
    <row r="7831" ht="14.25" customHeight="1" x14ac:dyDescent="0.15"/>
    <row r="7832" ht="14.25" customHeight="1" x14ac:dyDescent="0.15"/>
    <row r="7833" ht="14.25" customHeight="1" x14ac:dyDescent="0.15"/>
    <row r="7834" ht="14.25" customHeight="1" x14ac:dyDescent="0.15"/>
    <row r="7835" ht="14.25" customHeight="1" x14ac:dyDescent="0.15"/>
    <row r="7836" ht="14.25" customHeight="1" x14ac:dyDescent="0.15"/>
    <row r="7837" ht="14.25" customHeight="1" x14ac:dyDescent="0.15"/>
    <row r="7838" ht="14.25" customHeight="1" x14ac:dyDescent="0.15"/>
    <row r="7839" ht="14.25" customHeight="1" x14ac:dyDescent="0.15"/>
    <row r="7840" ht="14.25" customHeight="1" x14ac:dyDescent="0.15"/>
    <row r="7841" ht="14.25" customHeight="1" x14ac:dyDescent="0.15"/>
    <row r="7842" ht="14.25" customHeight="1" x14ac:dyDescent="0.15"/>
    <row r="7843" ht="14.25" customHeight="1" x14ac:dyDescent="0.15"/>
    <row r="7844" ht="14.25" customHeight="1" x14ac:dyDescent="0.15"/>
    <row r="7845" ht="14.25" customHeight="1" x14ac:dyDescent="0.15"/>
    <row r="7846" ht="14.25" customHeight="1" x14ac:dyDescent="0.15"/>
    <row r="7847" ht="14.25" customHeight="1" x14ac:dyDescent="0.15"/>
    <row r="7848" ht="14.25" customHeight="1" x14ac:dyDescent="0.15"/>
    <row r="7849" ht="14.25" customHeight="1" x14ac:dyDescent="0.15"/>
    <row r="7850" ht="14.25" customHeight="1" x14ac:dyDescent="0.15"/>
    <row r="7851" ht="14.25" customHeight="1" x14ac:dyDescent="0.15"/>
    <row r="7852" ht="14.25" customHeight="1" x14ac:dyDescent="0.15"/>
    <row r="7853" ht="14.25" customHeight="1" x14ac:dyDescent="0.15"/>
    <row r="7854" ht="14.25" customHeight="1" x14ac:dyDescent="0.15"/>
    <row r="7855" ht="14.25" customHeight="1" x14ac:dyDescent="0.15"/>
    <row r="7856" ht="14.25" customHeight="1" x14ac:dyDescent="0.15"/>
    <row r="7857" ht="14.25" customHeight="1" x14ac:dyDescent="0.15"/>
    <row r="7858" ht="14.25" customHeight="1" x14ac:dyDescent="0.15"/>
    <row r="7859" ht="14.25" customHeight="1" x14ac:dyDescent="0.15"/>
    <row r="7860" ht="14.25" customHeight="1" x14ac:dyDescent="0.15"/>
    <row r="7861" ht="14.25" customHeight="1" x14ac:dyDescent="0.15"/>
    <row r="7862" ht="14.25" customHeight="1" x14ac:dyDescent="0.15"/>
    <row r="7863" ht="14.25" customHeight="1" x14ac:dyDescent="0.15"/>
    <row r="7864" ht="14.25" customHeight="1" x14ac:dyDescent="0.15"/>
    <row r="7865" ht="14.25" customHeight="1" x14ac:dyDescent="0.15"/>
    <row r="7866" ht="14.25" customHeight="1" x14ac:dyDescent="0.15"/>
    <row r="7867" ht="14.25" customHeight="1" x14ac:dyDescent="0.15"/>
    <row r="7868" ht="14.25" customHeight="1" x14ac:dyDescent="0.15"/>
    <row r="7869" ht="14.25" customHeight="1" x14ac:dyDescent="0.15"/>
    <row r="7870" ht="14.25" customHeight="1" x14ac:dyDescent="0.15"/>
    <row r="7871" ht="14.25" customHeight="1" x14ac:dyDescent="0.15"/>
    <row r="7872" ht="14.25" customHeight="1" x14ac:dyDescent="0.15"/>
    <row r="7873" ht="14.25" customHeight="1" x14ac:dyDescent="0.15"/>
    <row r="7874" ht="14.25" customHeight="1" x14ac:dyDescent="0.15"/>
    <row r="7875" ht="14.25" customHeight="1" x14ac:dyDescent="0.15"/>
    <row r="7876" ht="14.25" customHeight="1" x14ac:dyDescent="0.15"/>
    <row r="7877" ht="14.25" customHeight="1" x14ac:dyDescent="0.15"/>
    <row r="7878" ht="14.25" customHeight="1" x14ac:dyDescent="0.15"/>
    <row r="7879" ht="14.25" customHeight="1" x14ac:dyDescent="0.15"/>
    <row r="7880" ht="14.25" customHeight="1" x14ac:dyDescent="0.15"/>
    <row r="7881" ht="14.25" customHeight="1" x14ac:dyDescent="0.15"/>
    <row r="7882" ht="14.25" customHeight="1" x14ac:dyDescent="0.15"/>
    <row r="7883" ht="14.25" customHeight="1" x14ac:dyDescent="0.15"/>
    <row r="7884" ht="14.25" customHeight="1" x14ac:dyDescent="0.15"/>
    <row r="7885" ht="14.25" customHeight="1" x14ac:dyDescent="0.15"/>
    <row r="7886" ht="14.25" customHeight="1" x14ac:dyDescent="0.15"/>
    <row r="7887" ht="14.25" customHeight="1" x14ac:dyDescent="0.15"/>
    <row r="7888" ht="14.25" customHeight="1" x14ac:dyDescent="0.15"/>
    <row r="7889" ht="14.25" customHeight="1" x14ac:dyDescent="0.15"/>
    <row r="7890" ht="14.25" customHeight="1" x14ac:dyDescent="0.15"/>
    <row r="7891" ht="14.25" customHeight="1" x14ac:dyDescent="0.15"/>
    <row r="7892" ht="14.25" customHeight="1" x14ac:dyDescent="0.15"/>
    <row r="7893" ht="14.25" customHeight="1" x14ac:dyDescent="0.15"/>
    <row r="7894" ht="14.25" customHeight="1" x14ac:dyDescent="0.15"/>
    <row r="7895" ht="14.25" customHeight="1" x14ac:dyDescent="0.15"/>
    <row r="7896" ht="14.25" customHeight="1" x14ac:dyDescent="0.15"/>
    <row r="7897" ht="14.25" customHeight="1" x14ac:dyDescent="0.15"/>
    <row r="7898" ht="14.25" customHeight="1" x14ac:dyDescent="0.15"/>
    <row r="7899" ht="14.25" customHeight="1" x14ac:dyDescent="0.15"/>
    <row r="7900" ht="14.25" customHeight="1" x14ac:dyDescent="0.15"/>
    <row r="7901" ht="14.25" customHeight="1" x14ac:dyDescent="0.15"/>
    <row r="7902" ht="14.25" customHeight="1" x14ac:dyDescent="0.15"/>
    <row r="7903" ht="14.25" customHeight="1" x14ac:dyDescent="0.15"/>
    <row r="7904" ht="14.25" customHeight="1" x14ac:dyDescent="0.15"/>
    <row r="7905" ht="14.25" customHeight="1" x14ac:dyDescent="0.15"/>
    <row r="7906" ht="14.25" customHeight="1" x14ac:dyDescent="0.15"/>
    <row r="7907" ht="14.25" customHeight="1" x14ac:dyDescent="0.15"/>
    <row r="7908" ht="14.25" customHeight="1" x14ac:dyDescent="0.15"/>
    <row r="7909" ht="14.25" customHeight="1" x14ac:dyDescent="0.15"/>
    <row r="7910" ht="14.25" customHeight="1" x14ac:dyDescent="0.15"/>
    <row r="7911" ht="14.25" customHeight="1" x14ac:dyDescent="0.15"/>
    <row r="7912" ht="14.25" customHeight="1" x14ac:dyDescent="0.15"/>
    <row r="7913" ht="14.25" customHeight="1" x14ac:dyDescent="0.15"/>
    <row r="7914" ht="14.25" customHeight="1" x14ac:dyDescent="0.15"/>
    <row r="7915" ht="14.25" customHeight="1" x14ac:dyDescent="0.15"/>
    <row r="7916" ht="14.25" customHeight="1" x14ac:dyDescent="0.15"/>
    <row r="7917" ht="14.25" customHeight="1" x14ac:dyDescent="0.15"/>
    <row r="7918" ht="14.25" customHeight="1" x14ac:dyDescent="0.15"/>
    <row r="7919" ht="14.25" customHeight="1" x14ac:dyDescent="0.15"/>
    <row r="7920" ht="14.25" customHeight="1" x14ac:dyDescent="0.15"/>
    <row r="7921" ht="14.25" customHeight="1" x14ac:dyDescent="0.15"/>
    <row r="7922" ht="14.25" customHeight="1" x14ac:dyDescent="0.15"/>
    <row r="7923" ht="14.25" customHeight="1" x14ac:dyDescent="0.15"/>
    <row r="7924" ht="14.25" customHeight="1" x14ac:dyDescent="0.15"/>
    <row r="7925" ht="14.25" customHeight="1" x14ac:dyDescent="0.15"/>
    <row r="7926" ht="14.25" customHeight="1" x14ac:dyDescent="0.15"/>
    <row r="7927" ht="14.25" customHeight="1" x14ac:dyDescent="0.15"/>
    <row r="7928" ht="14.25" customHeight="1" x14ac:dyDescent="0.15"/>
    <row r="7929" ht="14.25" customHeight="1" x14ac:dyDescent="0.15"/>
    <row r="7930" ht="14.25" customHeight="1" x14ac:dyDescent="0.15"/>
    <row r="7931" ht="14.25" customHeight="1" x14ac:dyDescent="0.15"/>
    <row r="7932" ht="14.25" customHeight="1" x14ac:dyDescent="0.15"/>
    <row r="7933" ht="14.25" customHeight="1" x14ac:dyDescent="0.15"/>
    <row r="7934" ht="14.25" customHeight="1" x14ac:dyDescent="0.15"/>
    <row r="7935" ht="14.25" customHeight="1" x14ac:dyDescent="0.15"/>
    <row r="7936" ht="14.25" customHeight="1" x14ac:dyDescent="0.15"/>
    <row r="7937" ht="14.25" customHeight="1" x14ac:dyDescent="0.15"/>
    <row r="7938" ht="14.25" customHeight="1" x14ac:dyDescent="0.15"/>
    <row r="7939" ht="14.25" customHeight="1" x14ac:dyDescent="0.15"/>
    <row r="7940" ht="14.25" customHeight="1" x14ac:dyDescent="0.15"/>
    <row r="7941" ht="14.25" customHeight="1" x14ac:dyDescent="0.15"/>
    <row r="7942" ht="14.25" customHeight="1" x14ac:dyDescent="0.15"/>
    <row r="7943" ht="14.25" customHeight="1" x14ac:dyDescent="0.15"/>
    <row r="7944" ht="14.25" customHeight="1" x14ac:dyDescent="0.15"/>
    <row r="7945" ht="14.25" customHeight="1" x14ac:dyDescent="0.15"/>
    <row r="7946" ht="14.25" customHeight="1" x14ac:dyDescent="0.15"/>
    <row r="7947" ht="14.25" customHeight="1" x14ac:dyDescent="0.15"/>
    <row r="7948" ht="14.25" customHeight="1" x14ac:dyDescent="0.15"/>
    <row r="7949" ht="14.25" customHeight="1" x14ac:dyDescent="0.15"/>
    <row r="7950" ht="14.25" customHeight="1" x14ac:dyDescent="0.15"/>
    <row r="7951" ht="14.25" customHeight="1" x14ac:dyDescent="0.15"/>
    <row r="7952" ht="14.25" customHeight="1" x14ac:dyDescent="0.15"/>
    <row r="7953" ht="14.25" customHeight="1" x14ac:dyDescent="0.15"/>
    <row r="7954" ht="14.25" customHeight="1" x14ac:dyDescent="0.15"/>
    <row r="7955" ht="14.25" customHeight="1" x14ac:dyDescent="0.15"/>
    <row r="7956" ht="14.25" customHeight="1" x14ac:dyDescent="0.15"/>
    <row r="7957" ht="14.25" customHeight="1" x14ac:dyDescent="0.15"/>
    <row r="7958" ht="14.25" customHeight="1" x14ac:dyDescent="0.15"/>
    <row r="7959" ht="14.25" customHeight="1" x14ac:dyDescent="0.15"/>
    <row r="7960" ht="14.25" customHeight="1" x14ac:dyDescent="0.15"/>
    <row r="7961" ht="14.25" customHeight="1" x14ac:dyDescent="0.15"/>
    <row r="7962" ht="14.25" customHeight="1" x14ac:dyDescent="0.15"/>
    <row r="7963" ht="14.25" customHeight="1" x14ac:dyDescent="0.15"/>
    <row r="7964" ht="14.25" customHeight="1" x14ac:dyDescent="0.15"/>
    <row r="7965" ht="14.25" customHeight="1" x14ac:dyDescent="0.15"/>
    <row r="7966" ht="14.25" customHeight="1" x14ac:dyDescent="0.15"/>
    <row r="7967" ht="14.25" customHeight="1" x14ac:dyDescent="0.15"/>
    <row r="7968" ht="14.25" customHeight="1" x14ac:dyDescent="0.15"/>
    <row r="7969" ht="14.25" customHeight="1" x14ac:dyDescent="0.15"/>
    <row r="7970" ht="14.25" customHeight="1" x14ac:dyDescent="0.15"/>
    <row r="7971" ht="14.25" customHeight="1" x14ac:dyDescent="0.15"/>
    <row r="7972" ht="14.25" customHeight="1" x14ac:dyDescent="0.15"/>
    <row r="7973" ht="14.25" customHeight="1" x14ac:dyDescent="0.15"/>
    <row r="7974" ht="14.25" customHeight="1" x14ac:dyDescent="0.15"/>
    <row r="7975" ht="14.25" customHeight="1" x14ac:dyDescent="0.15"/>
    <row r="7976" ht="14.25" customHeight="1" x14ac:dyDescent="0.15"/>
    <row r="7977" ht="14.25" customHeight="1" x14ac:dyDescent="0.15"/>
    <row r="7978" ht="14.25" customHeight="1" x14ac:dyDescent="0.15"/>
    <row r="7979" ht="14.25" customHeight="1" x14ac:dyDescent="0.15"/>
    <row r="7980" ht="14.25" customHeight="1" x14ac:dyDescent="0.15"/>
    <row r="7981" ht="14.25" customHeight="1" x14ac:dyDescent="0.15"/>
    <row r="7982" ht="14.25" customHeight="1" x14ac:dyDescent="0.15"/>
    <row r="7983" ht="14.25" customHeight="1" x14ac:dyDescent="0.15"/>
    <row r="7984" ht="14.25" customHeight="1" x14ac:dyDescent="0.15"/>
    <row r="7985" ht="14.25" customHeight="1" x14ac:dyDescent="0.15"/>
    <row r="7986" ht="14.25" customHeight="1" x14ac:dyDescent="0.15"/>
    <row r="7987" ht="14.25" customHeight="1" x14ac:dyDescent="0.15"/>
    <row r="7988" ht="14.25" customHeight="1" x14ac:dyDescent="0.15"/>
    <row r="7989" ht="14.25" customHeight="1" x14ac:dyDescent="0.15"/>
    <row r="7990" ht="14.25" customHeight="1" x14ac:dyDescent="0.15"/>
    <row r="7991" ht="14.25" customHeight="1" x14ac:dyDescent="0.15"/>
    <row r="7992" ht="14.25" customHeight="1" x14ac:dyDescent="0.15"/>
    <row r="7993" ht="14.25" customHeight="1" x14ac:dyDescent="0.15"/>
    <row r="7994" ht="14.25" customHeight="1" x14ac:dyDescent="0.15"/>
    <row r="7995" ht="14.25" customHeight="1" x14ac:dyDescent="0.15"/>
    <row r="7996" ht="14.25" customHeight="1" x14ac:dyDescent="0.15"/>
    <row r="7997" ht="14.25" customHeight="1" x14ac:dyDescent="0.15"/>
    <row r="7998" ht="14.25" customHeight="1" x14ac:dyDescent="0.15"/>
    <row r="7999" ht="14.25" customHeight="1" x14ac:dyDescent="0.15"/>
    <row r="8000" ht="14.25" customHeight="1" x14ac:dyDescent="0.15"/>
    <row r="8001" ht="14.25" customHeight="1" x14ac:dyDescent="0.15"/>
    <row r="8002" ht="14.25" customHeight="1" x14ac:dyDescent="0.15"/>
    <row r="8003" ht="14.25" customHeight="1" x14ac:dyDescent="0.15"/>
    <row r="8004" ht="14.25" customHeight="1" x14ac:dyDescent="0.15"/>
    <row r="8005" ht="14.25" customHeight="1" x14ac:dyDescent="0.15"/>
    <row r="8006" ht="14.25" customHeight="1" x14ac:dyDescent="0.15"/>
    <row r="8007" ht="14.25" customHeight="1" x14ac:dyDescent="0.15"/>
    <row r="8008" ht="14.25" customHeight="1" x14ac:dyDescent="0.15"/>
    <row r="8009" ht="14.25" customHeight="1" x14ac:dyDescent="0.15"/>
    <row r="8010" ht="14.25" customHeight="1" x14ac:dyDescent="0.15"/>
    <row r="8011" ht="14.25" customHeight="1" x14ac:dyDescent="0.15"/>
    <row r="8012" ht="14.25" customHeight="1" x14ac:dyDescent="0.15"/>
    <row r="8013" ht="14.25" customHeight="1" x14ac:dyDescent="0.15"/>
    <row r="8014" ht="14.25" customHeight="1" x14ac:dyDescent="0.15"/>
    <row r="8015" ht="14.25" customHeight="1" x14ac:dyDescent="0.15"/>
    <row r="8016" ht="14.25" customHeight="1" x14ac:dyDescent="0.15"/>
    <row r="8017" ht="14.25" customHeight="1" x14ac:dyDescent="0.15"/>
    <row r="8018" ht="14.25" customHeight="1" x14ac:dyDescent="0.15"/>
    <row r="8019" ht="14.25" customHeight="1" x14ac:dyDescent="0.15"/>
    <row r="8020" ht="14.25" customHeight="1" x14ac:dyDescent="0.15"/>
    <row r="8021" ht="14.25" customHeight="1" x14ac:dyDescent="0.15"/>
    <row r="8022" ht="14.25" customHeight="1" x14ac:dyDescent="0.15"/>
    <row r="8023" ht="14.25" customHeight="1" x14ac:dyDescent="0.15"/>
    <row r="8024" ht="14.25" customHeight="1" x14ac:dyDescent="0.15"/>
    <row r="8025" ht="14.25" customHeight="1" x14ac:dyDescent="0.15"/>
    <row r="8026" ht="14.25" customHeight="1" x14ac:dyDescent="0.15"/>
    <row r="8027" ht="14.25" customHeight="1" x14ac:dyDescent="0.15"/>
    <row r="8028" ht="14.25" customHeight="1" x14ac:dyDescent="0.15"/>
    <row r="8029" ht="14.25" customHeight="1" x14ac:dyDescent="0.15"/>
    <row r="8030" ht="14.25" customHeight="1" x14ac:dyDescent="0.15"/>
    <row r="8031" ht="14.25" customHeight="1" x14ac:dyDescent="0.15"/>
    <row r="8032" ht="14.25" customHeight="1" x14ac:dyDescent="0.15"/>
    <row r="8033" ht="14.25" customHeight="1" x14ac:dyDescent="0.15"/>
    <row r="8034" ht="14.25" customHeight="1" x14ac:dyDescent="0.15"/>
    <row r="8035" ht="14.25" customHeight="1" x14ac:dyDescent="0.15"/>
    <row r="8036" ht="14.25" customHeight="1" x14ac:dyDescent="0.15"/>
    <row r="8037" ht="14.25" customHeight="1" x14ac:dyDescent="0.15"/>
    <row r="8038" ht="14.25" customHeight="1" x14ac:dyDescent="0.15"/>
    <row r="8039" ht="14.25" customHeight="1" x14ac:dyDescent="0.15"/>
    <row r="8040" ht="14.25" customHeight="1" x14ac:dyDescent="0.15"/>
    <row r="8041" ht="14.25" customHeight="1" x14ac:dyDescent="0.15"/>
    <row r="8042" ht="14.25" customHeight="1" x14ac:dyDescent="0.15"/>
    <row r="8043" ht="14.25" customHeight="1" x14ac:dyDescent="0.15"/>
    <row r="8044" ht="14.25" customHeight="1" x14ac:dyDescent="0.15"/>
    <row r="8045" ht="14.25" customHeight="1" x14ac:dyDescent="0.15"/>
    <row r="8046" ht="14.25" customHeight="1" x14ac:dyDescent="0.15"/>
    <row r="8047" ht="14.25" customHeight="1" x14ac:dyDescent="0.15"/>
    <row r="8048" ht="14.25" customHeight="1" x14ac:dyDescent="0.15"/>
    <row r="8049" ht="14.25" customHeight="1" x14ac:dyDescent="0.15"/>
    <row r="8050" ht="14.25" customHeight="1" x14ac:dyDescent="0.15"/>
    <row r="8051" ht="14.25" customHeight="1" x14ac:dyDescent="0.15"/>
    <row r="8052" ht="14.25" customHeight="1" x14ac:dyDescent="0.15"/>
    <row r="8053" ht="14.25" customHeight="1" x14ac:dyDescent="0.15"/>
    <row r="8054" ht="14.25" customHeight="1" x14ac:dyDescent="0.15"/>
    <row r="8055" ht="14.25" customHeight="1" x14ac:dyDescent="0.15"/>
    <row r="8056" ht="14.25" customHeight="1" x14ac:dyDescent="0.15"/>
    <row r="8057" ht="14.25" customHeight="1" x14ac:dyDescent="0.15"/>
    <row r="8058" ht="14.25" customHeight="1" x14ac:dyDescent="0.15"/>
    <row r="8059" ht="14.25" customHeight="1" x14ac:dyDescent="0.15"/>
    <row r="8060" ht="14.25" customHeight="1" x14ac:dyDescent="0.15"/>
    <row r="8061" ht="14.25" customHeight="1" x14ac:dyDescent="0.15"/>
    <row r="8062" ht="14.25" customHeight="1" x14ac:dyDescent="0.15"/>
    <row r="8063" ht="14.25" customHeight="1" x14ac:dyDescent="0.15"/>
    <row r="8064" ht="14.25" customHeight="1" x14ac:dyDescent="0.15"/>
    <row r="8065" ht="14.25" customHeight="1" x14ac:dyDescent="0.15"/>
    <row r="8066" ht="14.25" customHeight="1" x14ac:dyDescent="0.15"/>
    <row r="8067" ht="14.25" customHeight="1" x14ac:dyDescent="0.15"/>
    <row r="8068" ht="14.25" customHeight="1" x14ac:dyDescent="0.15"/>
    <row r="8069" ht="14.25" customHeight="1" x14ac:dyDescent="0.15"/>
    <row r="8070" ht="14.25" customHeight="1" x14ac:dyDescent="0.15"/>
    <row r="8071" ht="14.25" customHeight="1" x14ac:dyDescent="0.15"/>
    <row r="8072" ht="14.25" customHeight="1" x14ac:dyDescent="0.15"/>
    <row r="8073" ht="14.25" customHeight="1" x14ac:dyDescent="0.15"/>
    <row r="8074" ht="14.25" customHeight="1" x14ac:dyDescent="0.15"/>
    <row r="8075" ht="14.25" customHeight="1" x14ac:dyDescent="0.15"/>
    <row r="8076" ht="14.25" customHeight="1" x14ac:dyDescent="0.15"/>
    <row r="8077" ht="14.25" customHeight="1" x14ac:dyDescent="0.15"/>
    <row r="8078" ht="14.25" customHeight="1" x14ac:dyDescent="0.15"/>
    <row r="8079" ht="14.25" customHeight="1" x14ac:dyDescent="0.15"/>
    <row r="8080" ht="14.25" customHeight="1" x14ac:dyDescent="0.15"/>
    <row r="8081" ht="14.25" customHeight="1" x14ac:dyDescent="0.15"/>
    <row r="8082" ht="14.25" customHeight="1" x14ac:dyDescent="0.15"/>
    <row r="8083" ht="14.25" customHeight="1" x14ac:dyDescent="0.15"/>
    <row r="8084" ht="14.25" customHeight="1" x14ac:dyDescent="0.15"/>
    <row r="8085" ht="14.25" customHeight="1" x14ac:dyDescent="0.15"/>
    <row r="8086" ht="14.25" customHeight="1" x14ac:dyDescent="0.15"/>
    <row r="8087" ht="14.25" customHeight="1" x14ac:dyDescent="0.15"/>
    <row r="8088" ht="14.25" customHeight="1" x14ac:dyDescent="0.15"/>
    <row r="8089" ht="14.25" customHeight="1" x14ac:dyDescent="0.15"/>
    <row r="8090" ht="14.25" customHeight="1" x14ac:dyDescent="0.15"/>
    <row r="8091" ht="14.25" customHeight="1" x14ac:dyDescent="0.15"/>
    <row r="8092" ht="14.25" customHeight="1" x14ac:dyDescent="0.15"/>
    <row r="8093" ht="14.25" customHeight="1" x14ac:dyDescent="0.15"/>
    <row r="8094" ht="14.25" customHeight="1" x14ac:dyDescent="0.15"/>
    <row r="8095" ht="14.25" customHeight="1" x14ac:dyDescent="0.15"/>
    <row r="8096" ht="14.25" customHeight="1" x14ac:dyDescent="0.15"/>
    <row r="8097" ht="14.25" customHeight="1" x14ac:dyDescent="0.15"/>
    <row r="8098" ht="14.25" customHeight="1" x14ac:dyDescent="0.15"/>
    <row r="8099" ht="14.25" customHeight="1" x14ac:dyDescent="0.15"/>
    <row r="8100" ht="14.25" customHeight="1" x14ac:dyDescent="0.15"/>
    <row r="8101" ht="14.25" customHeight="1" x14ac:dyDescent="0.15"/>
    <row r="8102" ht="14.25" customHeight="1" x14ac:dyDescent="0.15"/>
    <row r="8103" ht="14.25" customHeight="1" x14ac:dyDescent="0.15"/>
    <row r="8104" ht="14.25" customHeight="1" x14ac:dyDescent="0.15"/>
    <row r="8105" ht="14.25" customHeight="1" x14ac:dyDescent="0.15"/>
    <row r="8106" ht="14.25" customHeight="1" x14ac:dyDescent="0.15"/>
    <row r="8107" ht="14.25" customHeight="1" x14ac:dyDescent="0.15"/>
    <row r="8108" ht="14.25" customHeight="1" x14ac:dyDescent="0.15"/>
    <row r="8109" ht="14.25" customHeight="1" x14ac:dyDescent="0.15"/>
    <row r="8110" ht="14.25" customHeight="1" x14ac:dyDescent="0.15"/>
    <row r="8111" ht="14.25" customHeight="1" x14ac:dyDescent="0.15"/>
    <row r="8112" ht="14.25" customHeight="1" x14ac:dyDescent="0.15"/>
    <row r="8113" ht="14.25" customHeight="1" x14ac:dyDescent="0.15"/>
    <row r="8114" ht="14.25" customHeight="1" x14ac:dyDescent="0.15"/>
    <row r="8115" ht="14.25" customHeight="1" x14ac:dyDescent="0.15"/>
    <row r="8116" ht="14.25" customHeight="1" x14ac:dyDescent="0.15"/>
    <row r="8117" ht="14.25" customHeight="1" x14ac:dyDescent="0.15"/>
    <row r="8118" ht="14.25" customHeight="1" x14ac:dyDescent="0.15"/>
    <row r="8119" ht="14.25" customHeight="1" x14ac:dyDescent="0.15"/>
    <row r="8120" ht="14.25" customHeight="1" x14ac:dyDescent="0.15"/>
    <row r="8121" ht="14.25" customHeight="1" x14ac:dyDescent="0.15"/>
    <row r="8122" ht="14.25" customHeight="1" x14ac:dyDescent="0.15"/>
    <row r="8123" ht="14.25" customHeight="1" x14ac:dyDescent="0.15"/>
    <row r="8124" ht="14.25" customHeight="1" x14ac:dyDescent="0.15"/>
    <row r="8125" ht="14.25" customHeight="1" x14ac:dyDescent="0.15"/>
    <row r="8126" ht="14.25" customHeight="1" x14ac:dyDescent="0.15"/>
    <row r="8127" ht="14.25" customHeight="1" x14ac:dyDescent="0.15"/>
    <row r="8128" ht="14.25" customHeight="1" x14ac:dyDescent="0.15"/>
    <row r="8129" ht="14.25" customHeight="1" x14ac:dyDescent="0.15"/>
    <row r="8130" ht="14.25" customHeight="1" x14ac:dyDescent="0.15"/>
    <row r="8131" ht="14.25" customHeight="1" x14ac:dyDescent="0.15"/>
    <row r="8132" ht="14.25" customHeight="1" x14ac:dyDescent="0.15"/>
    <row r="8133" ht="14.25" customHeight="1" x14ac:dyDescent="0.15"/>
    <row r="8134" ht="14.25" customHeight="1" x14ac:dyDescent="0.15"/>
    <row r="8135" ht="14.25" customHeight="1" x14ac:dyDescent="0.15"/>
    <row r="8136" ht="14.25" customHeight="1" x14ac:dyDescent="0.15"/>
    <row r="8137" ht="14.25" customHeight="1" x14ac:dyDescent="0.15"/>
    <row r="8138" ht="14.25" customHeight="1" x14ac:dyDescent="0.15"/>
    <row r="8139" ht="14.25" customHeight="1" x14ac:dyDescent="0.15"/>
    <row r="8140" ht="14.25" customHeight="1" x14ac:dyDescent="0.15"/>
    <row r="8141" ht="14.25" customHeight="1" x14ac:dyDescent="0.15"/>
    <row r="8142" ht="14.25" customHeight="1" x14ac:dyDescent="0.15"/>
    <row r="8143" ht="14.25" customHeight="1" x14ac:dyDescent="0.15"/>
    <row r="8144" ht="14.25" customHeight="1" x14ac:dyDescent="0.15"/>
    <row r="8145" ht="14.25" customHeight="1" x14ac:dyDescent="0.15"/>
    <row r="8146" ht="14.25" customHeight="1" x14ac:dyDescent="0.15"/>
    <row r="8147" ht="14.25" customHeight="1" x14ac:dyDescent="0.15"/>
    <row r="8148" ht="14.25" customHeight="1" x14ac:dyDescent="0.15"/>
    <row r="8149" ht="14.25" customHeight="1" x14ac:dyDescent="0.15"/>
    <row r="8150" ht="14.25" customHeight="1" x14ac:dyDescent="0.15"/>
    <row r="8151" ht="14.25" customHeight="1" x14ac:dyDescent="0.15"/>
    <row r="8152" ht="14.25" customHeight="1" x14ac:dyDescent="0.15"/>
    <row r="8153" ht="14.25" customHeight="1" x14ac:dyDescent="0.15"/>
    <row r="8154" ht="14.25" customHeight="1" x14ac:dyDescent="0.15"/>
    <row r="8155" ht="14.25" customHeight="1" x14ac:dyDescent="0.15"/>
    <row r="8156" ht="14.25" customHeight="1" x14ac:dyDescent="0.15"/>
    <row r="8157" ht="14.25" customHeight="1" x14ac:dyDescent="0.15"/>
    <row r="8158" ht="14.25" customHeight="1" x14ac:dyDescent="0.15"/>
    <row r="8159" ht="14.25" customHeight="1" x14ac:dyDescent="0.15"/>
    <row r="8160" ht="14.25" customHeight="1" x14ac:dyDescent="0.15"/>
    <row r="8161" ht="14.25" customHeight="1" x14ac:dyDescent="0.15"/>
    <row r="8162" ht="14.25" customHeight="1" x14ac:dyDescent="0.15"/>
    <row r="8163" ht="14.25" customHeight="1" x14ac:dyDescent="0.15"/>
    <row r="8164" ht="14.25" customHeight="1" x14ac:dyDescent="0.15"/>
    <row r="8165" ht="14.25" customHeight="1" x14ac:dyDescent="0.15"/>
    <row r="8166" ht="14.25" customHeight="1" x14ac:dyDescent="0.15"/>
    <row r="8167" ht="14.25" customHeight="1" x14ac:dyDescent="0.15"/>
    <row r="8168" ht="14.25" customHeight="1" x14ac:dyDescent="0.15"/>
    <row r="8169" ht="14.25" customHeight="1" x14ac:dyDescent="0.15"/>
    <row r="8170" ht="14.25" customHeight="1" x14ac:dyDescent="0.15"/>
    <row r="8171" ht="14.25" customHeight="1" x14ac:dyDescent="0.15"/>
    <row r="8172" ht="14.25" customHeight="1" x14ac:dyDescent="0.15"/>
    <row r="8173" ht="14.25" customHeight="1" x14ac:dyDescent="0.15"/>
    <row r="8174" ht="14.25" customHeight="1" x14ac:dyDescent="0.15"/>
    <row r="8175" ht="14.25" customHeight="1" x14ac:dyDescent="0.15"/>
    <row r="8176" ht="14.25" customHeight="1" x14ac:dyDescent="0.15"/>
    <row r="8177" ht="14.25" customHeight="1" x14ac:dyDescent="0.15"/>
    <row r="8178" ht="14.25" customHeight="1" x14ac:dyDescent="0.15"/>
    <row r="8179" ht="14.25" customHeight="1" x14ac:dyDescent="0.15"/>
    <row r="8180" ht="14.25" customHeight="1" x14ac:dyDescent="0.15"/>
    <row r="8181" ht="14.25" customHeight="1" x14ac:dyDescent="0.15"/>
    <row r="8182" ht="14.25" customHeight="1" x14ac:dyDescent="0.15"/>
    <row r="8183" ht="14.25" customHeight="1" x14ac:dyDescent="0.15"/>
    <row r="8184" ht="14.25" customHeight="1" x14ac:dyDescent="0.15"/>
    <row r="8185" ht="14.25" customHeight="1" x14ac:dyDescent="0.15"/>
    <row r="8186" ht="14.25" customHeight="1" x14ac:dyDescent="0.15"/>
    <row r="8187" ht="14.25" customHeight="1" x14ac:dyDescent="0.15"/>
    <row r="8188" ht="14.25" customHeight="1" x14ac:dyDescent="0.15"/>
    <row r="8189" ht="14.25" customHeight="1" x14ac:dyDescent="0.15"/>
    <row r="8190" ht="14.25" customHeight="1" x14ac:dyDescent="0.15"/>
    <row r="8191" ht="14.25" customHeight="1" x14ac:dyDescent="0.15"/>
    <row r="8192" ht="14.25" customHeight="1" x14ac:dyDescent="0.15"/>
    <row r="8193" ht="14.25" customHeight="1" x14ac:dyDescent="0.15"/>
    <row r="8194" ht="14.25" customHeight="1" x14ac:dyDescent="0.15"/>
    <row r="8195" ht="14.25" customHeight="1" x14ac:dyDescent="0.15"/>
    <row r="8196" ht="14.25" customHeight="1" x14ac:dyDescent="0.15"/>
    <row r="8197" ht="14.25" customHeight="1" x14ac:dyDescent="0.15"/>
    <row r="8198" ht="14.25" customHeight="1" x14ac:dyDescent="0.15"/>
    <row r="8199" ht="14.25" customHeight="1" x14ac:dyDescent="0.15"/>
    <row r="8200" ht="14.25" customHeight="1" x14ac:dyDescent="0.15"/>
    <row r="8201" ht="14.25" customHeight="1" x14ac:dyDescent="0.15"/>
    <row r="8202" ht="14.25" customHeight="1" x14ac:dyDescent="0.15"/>
    <row r="8203" ht="14.25" customHeight="1" x14ac:dyDescent="0.15"/>
    <row r="8204" ht="14.25" customHeight="1" x14ac:dyDescent="0.15"/>
    <row r="8205" ht="14.25" customHeight="1" x14ac:dyDescent="0.15"/>
    <row r="8206" ht="14.25" customHeight="1" x14ac:dyDescent="0.15"/>
    <row r="8207" ht="14.25" customHeight="1" x14ac:dyDescent="0.15"/>
    <row r="8208" ht="14.25" customHeight="1" x14ac:dyDescent="0.15"/>
    <row r="8209" ht="14.25" customHeight="1" x14ac:dyDescent="0.15"/>
    <row r="8210" ht="14.25" customHeight="1" x14ac:dyDescent="0.15"/>
    <row r="8211" ht="14.25" customHeight="1" x14ac:dyDescent="0.15"/>
    <row r="8212" ht="14.25" customHeight="1" x14ac:dyDescent="0.15"/>
    <row r="8213" ht="14.25" customHeight="1" x14ac:dyDescent="0.15"/>
    <row r="8214" ht="14.25" customHeight="1" x14ac:dyDescent="0.15"/>
    <row r="8215" ht="14.25" customHeight="1" x14ac:dyDescent="0.15"/>
    <row r="8216" ht="14.25" customHeight="1" x14ac:dyDescent="0.15"/>
    <row r="8217" ht="14.25" customHeight="1" x14ac:dyDescent="0.15"/>
    <row r="8218" ht="14.25" customHeight="1" x14ac:dyDescent="0.15"/>
    <row r="8219" ht="14.25" customHeight="1" x14ac:dyDescent="0.15"/>
    <row r="8220" ht="14.25" customHeight="1" x14ac:dyDescent="0.15"/>
    <row r="8221" ht="14.25" customHeight="1" x14ac:dyDescent="0.15"/>
    <row r="8222" ht="14.25" customHeight="1" x14ac:dyDescent="0.15"/>
    <row r="8223" ht="14.25" customHeight="1" x14ac:dyDescent="0.15"/>
    <row r="8224" ht="14.25" customHeight="1" x14ac:dyDescent="0.15"/>
    <row r="8225" ht="14.25" customHeight="1" x14ac:dyDescent="0.15"/>
    <row r="8226" ht="14.25" customHeight="1" x14ac:dyDescent="0.15"/>
    <row r="8227" ht="14.25" customHeight="1" x14ac:dyDescent="0.15"/>
    <row r="8228" ht="14.25" customHeight="1" x14ac:dyDescent="0.15"/>
    <row r="8229" ht="14.25" customHeight="1" x14ac:dyDescent="0.15"/>
    <row r="8230" ht="14.25" customHeight="1" x14ac:dyDescent="0.15"/>
    <row r="8231" ht="14.25" customHeight="1" x14ac:dyDescent="0.15"/>
    <row r="8232" ht="14.25" customHeight="1" x14ac:dyDescent="0.15"/>
    <row r="8233" ht="14.25" customHeight="1" x14ac:dyDescent="0.15"/>
    <row r="8234" ht="14.25" customHeight="1" x14ac:dyDescent="0.15"/>
    <row r="8235" ht="14.25" customHeight="1" x14ac:dyDescent="0.15"/>
    <row r="8236" ht="14.25" customHeight="1" x14ac:dyDescent="0.15"/>
    <row r="8237" ht="14.25" customHeight="1" x14ac:dyDescent="0.15"/>
    <row r="8238" ht="14.25" customHeight="1" x14ac:dyDescent="0.15"/>
    <row r="8239" ht="14.25" customHeight="1" x14ac:dyDescent="0.15"/>
    <row r="8240" ht="14.25" customHeight="1" x14ac:dyDescent="0.15"/>
    <row r="8241" ht="14.25" customHeight="1" x14ac:dyDescent="0.15"/>
    <row r="8242" ht="14.25" customHeight="1" x14ac:dyDescent="0.15"/>
    <row r="8243" ht="14.25" customHeight="1" x14ac:dyDescent="0.15"/>
    <row r="8244" ht="14.25" customHeight="1" x14ac:dyDescent="0.15"/>
    <row r="8245" ht="14.25" customHeight="1" x14ac:dyDescent="0.15"/>
    <row r="8246" ht="14.25" customHeight="1" x14ac:dyDescent="0.15"/>
    <row r="8247" ht="14.25" customHeight="1" x14ac:dyDescent="0.15"/>
    <row r="8248" ht="14.25" customHeight="1" x14ac:dyDescent="0.15"/>
    <row r="8249" ht="14.25" customHeight="1" x14ac:dyDescent="0.15"/>
    <row r="8250" ht="14.25" customHeight="1" x14ac:dyDescent="0.15"/>
    <row r="8251" ht="14.25" customHeight="1" x14ac:dyDescent="0.15"/>
    <row r="8252" ht="14.25" customHeight="1" x14ac:dyDescent="0.15"/>
    <row r="8253" ht="14.25" customHeight="1" x14ac:dyDescent="0.15"/>
    <row r="8254" ht="14.25" customHeight="1" x14ac:dyDescent="0.15"/>
    <row r="8255" ht="14.25" customHeight="1" x14ac:dyDescent="0.15"/>
    <row r="8256" ht="14.25" customHeight="1" x14ac:dyDescent="0.15"/>
    <row r="8257" ht="14.25" customHeight="1" x14ac:dyDescent="0.15"/>
    <row r="8258" ht="14.25" customHeight="1" x14ac:dyDescent="0.15"/>
    <row r="8259" ht="14.25" customHeight="1" x14ac:dyDescent="0.15"/>
    <row r="8260" ht="14.25" customHeight="1" x14ac:dyDescent="0.15"/>
    <row r="8261" ht="14.25" customHeight="1" x14ac:dyDescent="0.15"/>
    <row r="8262" ht="14.25" customHeight="1" x14ac:dyDescent="0.15"/>
    <row r="8263" ht="14.25" customHeight="1" x14ac:dyDescent="0.15"/>
    <row r="8264" ht="14.25" customHeight="1" x14ac:dyDescent="0.15"/>
    <row r="8265" ht="14.25" customHeight="1" x14ac:dyDescent="0.15"/>
    <row r="8266" ht="14.25" customHeight="1" x14ac:dyDescent="0.15"/>
    <row r="8267" ht="14.25" customHeight="1" x14ac:dyDescent="0.15"/>
    <row r="8268" ht="14.25" customHeight="1" x14ac:dyDescent="0.15"/>
    <row r="8269" ht="14.25" customHeight="1" x14ac:dyDescent="0.15"/>
    <row r="8270" ht="14.25" customHeight="1" x14ac:dyDescent="0.15"/>
    <row r="8271" ht="14.25" customHeight="1" x14ac:dyDescent="0.15"/>
    <row r="8272" ht="14.25" customHeight="1" x14ac:dyDescent="0.15"/>
    <row r="8273" ht="14.25" customHeight="1" x14ac:dyDescent="0.15"/>
    <row r="8274" ht="14.25" customHeight="1" x14ac:dyDescent="0.15"/>
    <row r="8275" ht="14.25" customHeight="1" x14ac:dyDescent="0.15"/>
    <row r="8276" ht="14.25" customHeight="1" x14ac:dyDescent="0.15"/>
    <row r="8277" ht="14.25" customHeight="1" x14ac:dyDescent="0.15"/>
    <row r="8278" ht="14.25" customHeight="1" x14ac:dyDescent="0.15"/>
    <row r="8279" ht="14.25" customHeight="1" x14ac:dyDescent="0.15"/>
    <row r="8280" ht="14.25" customHeight="1" x14ac:dyDescent="0.15"/>
    <row r="8281" ht="14.25" customHeight="1" x14ac:dyDescent="0.15"/>
    <row r="8282" ht="14.25" customHeight="1" x14ac:dyDescent="0.15"/>
    <row r="8283" ht="14.25" customHeight="1" x14ac:dyDescent="0.15"/>
    <row r="8284" ht="14.25" customHeight="1" x14ac:dyDescent="0.15"/>
    <row r="8285" ht="14.25" customHeight="1" x14ac:dyDescent="0.15"/>
    <row r="8286" ht="14.25" customHeight="1" x14ac:dyDescent="0.15"/>
    <row r="8287" ht="14.25" customHeight="1" x14ac:dyDescent="0.15"/>
    <row r="8288" ht="14.25" customHeight="1" x14ac:dyDescent="0.15"/>
    <row r="8289" ht="14.25" customHeight="1" x14ac:dyDescent="0.15"/>
    <row r="8290" ht="14.25" customHeight="1" x14ac:dyDescent="0.15"/>
    <row r="8291" ht="14.25" customHeight="1" x14ac:dyDescent="0.15"/>
    <row r="8292" ht="14.25" customHeight="1" x14ac:dyDescent="0.15"/>
    <row r="8293" ht="14.25" customHeight="1" x14ac:dyDescent="0.15"/>
    <row r="8294" ht="14.25" customHeight="1" x14ac:dyDescent="0.15"/>
    <row r="8295" ht="14.25" customHeight="1" x14ac:dyDescent="0.15"/>
    <row r="8296" ht="14.25" customHeight="1" x14ac:dyDescent="0.15"/>
    <row r="8297" ht="14.25" customHeight="1" x14ac:dyDescent="0.15"/>
    <row r="8298" ht="14.25" customHeight="1" x14ac:dyDescent="0.15"/>
    <row r="8299" ht="14.25" customHeight="1" x14ac:dyDescent="0.15"/>
    <row r="8300" ht="14.25" customHeight="1" x14ac:dyDescent="0.15"/>
    <row r="8301" ht="14.25" customHeight="1" x14ac:dyDescent="0.15"/>
    <row r="8302" ht="14.25" customHeight="1" x14ac:dyDescent="0.15"/>
    <row r="8303" ht="14.25" customHeight="1" x14ac:dyDescent="0.15"/>
    <row r="8304" ht="14.25" customHeight="1" x14ac:dyDescent="0.15"/>
    <row r="8305" ht="14.25" customHeight="1" x14ac:dyDescent="0.15"/>
    <row r="8306" ht="14.25" customHeight="1" x14ac:dyDescent="0.15"/>
    <row r="8307" ht="14.25" customHeight="1" x14ac:dyDescent="0.15"/>
    <row r="8308" ht="14.25" customHeight="1" x14ac:dyDescent="0.15"/>
    <row r="8309" ht="14.25" customHeight="1" x14ac:dyDescent="0.15"/>
    <row r="8310" ht="14.25" customHeight="1" x14ac:dyDescent="0.15"/>
    <row r="8311" ht="14.25" customHeight="1" x14ac:dyDescent="0.15"/>
    <row r="8312" ht="14.25" customHeight="1" x14ac:dyDescent="0.15"/>
    <row r="8313" ht="14.25" customHeight="1" x14ac:dyDescent="0.15"/>
    <row r="8314" ht="14.25" customHeight="1" x14ac:dyDescent="0.15"/>
    <row r="8315" ht="14.25" customHeight="1" x14ac:dyDescent="0.15"/>
    <row r="8316" ht="14.25" customHeight="1" x14ac:dyDescent="0.15"/>
    <row r="8317" ht="14.25" customHeight="1" x14ac:dyDescent="0.15"/>
    <row r="8318" ht="14.25" customHeight="1" x14ac:dyDescent="0.15"/>
    <row r="8319" ht="14.25" customHeight="1" x14ac:dyDescent="0.15"/>
    <row r="8320" ht="14.25" customHeight="1" x14ac:dyDescent="0.15"/>
    <row r="8321" ht="14.25" customHeight="1" x14ac:dyDescent="0.15"/>
    <row r="8322" ht="14.25" customHeight="1" x14ac:dyDescent="0.15"/>
    <row r="8323" ht="14.25" customHeight="1" x14ac:dyDescent="0.15"/>
    <row r="8324" ht="14.25" customHeight="1" x14ac:dyDescent="0.15"/>
    <row r="8325" ht="14.25" customHeight="1" x14ac:dyDescent="0.15"/>
    <row r="8326" ht="14.25" customHeight="1" x14ac:dyDescent="0.15"/>
    <row r="8327" ht="14.25" customHeight="1" x14ac:dyDescent="0.15"/>
    <row r="8328" ht="14.25" customHeight="1" x14ac:dyDescent="0.15"/>
    <row r="8329" ht="14.25" customHeight="1" x14ac:dyDescent="0.15"/>
    <row r="8330" ht="14.25" customHeight="1" x14ac:dyDescent="0.15"/>
    <row r="8331" ht="14.25" customHeight="1" x14ac:dyDescent="0.15"/>
    <row r="8332" ht="14.25" customHeight="1" x14ac:dyDescent="0.15"/>
    <row r="8333" ht="14.25" customHeight="1" x14ac:dyDescent="0.15"/>
    <row r="8334" ht="14.25" customHeight="1" x14ac:dyDescent="0.15"/>
    <row r="8335" ht="14.25" customHeight="1" x14ac:dyDescent="0.15"/>
    <row r="8336" ht="14.25" customHeight="1" x14ac:dyDescent="0.15"/>
    <row r="8337" ht="14.25" customHeight="1" x14ac:dyDescent="0.15"/>
    <row r="8338" ht="14.25" customHeight="1" x14ac:dyDescent="0.15"/>
    <row r="8339" ht="14.25" customHeight="1" x14ac:dyDescent="0.15"/>
    <row r="8340" ht="14.25" customHeight="1" x14ac:dyDescent="0.15"/>
    <row r="8341" ht="14.25" customHeight="1" x14ac:dyDescent="0.15"/>
    <row r="8342" ht="14.25" customHeight="1" x14ac:dyDescent="0.15"/>
    <row r="8343" ht="14.25" customHeight="1" x14ac:dyDescent="0.15"/>
    <row r="8344" ht="14.25" customHeight="1" x14ac:dyDescent="0.15"/>
    <row r="8345" ht="14.25" customHeight="1" x14ac:dyDescent="0.15"/>
    <row r="8346" ht="14.25" customHeight="1" x14ac:dyDescent="0.15"/>
    <row r="8347" ht="14.25" customHeight="1" x14ac:dyDescent="0.15"/>
    <row r="8348" ht="14.25" customHeight="1" x14ac:dyDescent="0.15"/>
    <row r="8349" ht="14.25" customHeight="1" x14ac:dyDescent="0.15"/>
    <row r="8350" ht="14.25" customHeight="1" x14ac:dyDescent="0.15"/>
    <row r="8351" ht="14.25" customHeight="1" x14ac:dyDescent="0.15"/>
    <row r="8352" ht="14.25" customHeight="1" x14ac:dyDescent="0.15"/>
    <row r="8353" ht="14.25" customHeight="1" x14ac:dyDescent="0.15"/>
    <row r="8354" ht="14.25" customHeight="1" x14ac:dyDescent="0.15"/>
    <row r="8355" ht="14.25" customHeight="1" x14ac:dyDescent="0.15"/>
    <row r="8356" ht="14.25" customHeight="1" x14ac:dyDescent="0.15"/>
    <row r="8357" ht="14.25" customHeight="1" x14ac:dyDescent="0.15"/>
    <row r="8358" ht="14.25" customHeight="1" x14ac:dyDescent="0.15"/>
    <row r="8359" ht="14.25" customHeight="1" x14ac:dyDescent="0.15"/>
    <row r="8360" ht="14.25" customHeight="1" x14ac:dyDescent="0.15"/>
    <row r="8361" ht="14.25" customHeight="1" x14ac:dyDescent="0.15"/>
    <row r="8362" ht="14.25" customHeight="1" x14ac:dyDescent="0.15"/>
    <row r="8363" ht="14.25" customHeight="1" x14ac:dyDescent="0.15"/>
    <row r="8364" ht="14.25" customHeight="1" x14ac:dyDescent="0.15"/>
    <row r="8365" ht="14.25" customHeight="1" x14ac:dyDescent="0.15"/>
    <row r="8366" ht="14.25" customHeight="1" x14ac:dyDescent="0.15"/>
    <row r="8367" ht="14.25" customHeight="1" x14ac:dyDescent="0.15"/>
    <row r="8368" ht="14.25" customHeight="1" x14ac:dyDescent="0.15"/>
    <row r="8369" ht="14.25" customHeight="1" x14ac:dyDescent="0.15"/>
    <row r="8370" ht="14.25" customHeight="1" x14ac:dyDescent="0.15"/>
    <row r="8371" ht="14.25" customHeight="1" x14ac:dyDescent="0.15"/>
    <row r="8372" ht="14.25" customHeight="1" x14ac:dyDescent="0.15"/>
    <row r="8373" ht="14.25" customHeight="1" x14ac:dyDescent="0.15"/>
    <row r="8374" ht="14.25" customHeight="1" x14ac:dyDescent="0.15"/>
    <row r="8375" ht="14.25" customHeight="1" x14ac:dyDescent="0.15"/>
    <row r="8376" ht="14.25" customHeight="1" x14ac:dyDescent="0.15"/>
    <row r="8377" ht="14.25" customHeight="1" x14ac:dyDescent="0.15"/>
    <row r="8378" ht="14.25" customHeight="1" x14ac:dyDescent="0.15"/>
    <row r="8379" ht="14.25" customHeight="1" x14ac:dyDescent="0.15"/>
    <row r="8380" ht="14.25" customHeight="1" x14ac:dyDescent="0.15"/>
    <row r="8381" ht="14.25" customHeight="1" x14ac:dyDescent="0.15"/>
    <row r="8382" ht="14.25" customHeight="1" x14ac:dyDescent="0.15"/>
    <row r="8383" ht="14.25" customHeight="1" x14ac:dyDescent="0.15"/>
    <row r="8384" ht="14.25" customHeight="1" x14ac:dyDescent="0.15"/>
    <row r="8385" ht="14.25" customHeight="1" x14ac:dyDescent="0.15"/>
    <row r="8386" ht="14.25" customHeight="1" x14ac:dyDescent="0.15"/>
    <row r="8387" ht="14.25" customHeight="1" x14ac:dyDescent="0.15"/>
    <row r="8388" ht="14.25" customHeight="1" x14ac:dyDescent="0.15"/>
    <row r="8389" ht="14.25" customHeight="1" x14ac:dyDescent="0.15"/>
    <row r="8390" ht="14.25" customHeight="1" x14ac:dyDescent="0.15"/>
    <row r="8391" ht="14.25" customHeight="1" x14ac:dyDescent="0.15"/>
    <row r="8392" ht="14.25" customHeight="1" x14ac:dyDescent="0.15"/>
    <row r="8393" ht="14.25" customHeight="1" x14ac:dyDescent="0.15"/>
    <row r="8394" ht="14.25" customHeight="1" x14ac:dyDescent="0.15"/>
    <row r="8395" ht="14.25" customHeight="1" x14ac:dyDescent="0.15"/>
    <row r="8396" ht="14.25" customHeight="1" x14ac:dyDescent="0.15"/>
    <row r="8397" ht="14.25" customHeight="1" x14ac:dyDescent="0.15"/>
    <row r="8398" ht="14.25" customHeight="1" x14ac:dyDescent="0.15"/>
    <row r="8399" ht="14.25" customHeight="1" x14ac:dyDescent="0.15"/>
    <row r="8400" ht="14.25" customHeight="1" x14ac:dyDescent="0.15"/>
    <row r="8401" ht="14.25" customHeight="1" x14ac:dyDescent="0.15"/>
    <row r="8402" ht="14.25" customHeight="1" x14ac:dyDescent="0.15"/>
    <row r="8403" ht="14.25" customHeight="1" x14ac:dyDescent="0.15"/>
    <row r="8404" ht="14.25" customHeight="1" x14ac:dyDescent="0.15"/>
    <row r="8405" ht="14.25" customHeight="1" x14ac:dyDescent="0.15"/>
    <row r="8406" ht="14.25" customHeight="1" x14ac:dyDescent="0.15"/>
    <row r="8407" ht="14.25" customHeight="1" x14ac:dyDescent="0.15"/>
    <row r="8408" ht="14.25" customHeight="1" x14ac:dyDescent="0.15"/>
    <row r="8409" ht="14.25" customHeight="1" x14ac:dyDescent="0.15"/>
    <row r="8410" ht="14.25" customHeight="1" x14ac:dyDescent="0.15"/>
    <row r="8411" ht="14.25" customHeight="1" x14ac:dyDescent="0.15"/>
    <row r="8412" ht="14.25" customHeight="1" x14ac:dyDescent="0.15"/>
    <row r="8413" ht="14.25" customHeight="1" x14ac:dyDescent="0.15"/>
    <row r="8414" ht="14.25" customHeight="1" x14ac:dyDescent="0.15"/>
    <row r="8415" ht="14.25" customHeight="1" x14ac:dyDescent="0.15"/>
    <row r="8416" ht="14.25" customHeight="1" x14ac:dyDescent="0.15"/>
    <row r="8417" ht="14.25" customHeight="1" x14ac:dyDescent="0.15"/>
    <row r="8418" ht="14.25" customHeight="1" x14ac:dyDescent="0.15"/>
    <row r="8419" ht="14.25" customHeight="1" x14ac:dyDescent="0.15"/>
    <row r="8420" ht="14.25" customHeight="1" x14ac:dyDescent="0.15"/>
    <row r="8421" ht="14.25" customHeight="1" x14ac:dyDescent="0.15"/>
    <row r="8422" ht="14.25" customHeight="1" x14ac:dyDescent="0.15"/>
    <row r="8423" ht="14.25" customHeight="1" x14ac:dyDescent="0.15"/>
    <row r="8424" ht="14.25" customHeight="1" x14ac:dyDescent="0.15"/>
    <row r="8425" ht="14.25" customHeight="1" x14ac:dyDescent="0.15"/>
    <row r="8426" ht="14.25" customHeight="1" x14ac:dyDescent="0.15"/>
    <row r="8427" ht="14.25" customHeight="1" x14ac:dyDescent="0.15"/>
    <row r="8428" ht="14.25" customHeight="1" x14ac:dyDescent="0.15"/>
    <row r="8429" ht="14.25" customHeight="1" x14ac:dyDescent="0.15"/>
    <row r="8430" ht="14.25" customHeight="1" x14ac:dyDescent="0.15"/>
    <row r="8431" ht="14.25" customHeight="1" x14ac:dyDescent="0.15"/>
    <row r="8432" ht="14.25" customHeight="1" x14ac:dyDescent="0.15"/>
    <row r="8433" ht="14.25" customHeight="1" x14ac:dyDescent="0.15"/>
    <row r="8434" ht="14.25" customHeight="1" x14ac:dyDescent="0.15"/>
    <row r="8435" ht="14.25" customHeight="1" x14ac:dyDescent="0.15"/>
    <row r="8436" ht="14.25" customHeight="1" x14ac:dyDescent="0.15"/>
    <row r="8437" ht="14.25" customHeight="1" x14ac:dyDescent="0.15"/>
    <row r="8438" ht="14.25" customHeight="1" x14ac:dyDescent="0.15"/>
    <row r="8439" ht="14.25" customHeight="1" x14ac:dyDescent="0.15"/>
    <row r="8440" ht="14.25" customHeight="1" x14ac:dyDescent="0.15"/>
    <row r="8441" ht="14.25" customHeight="1" x14ac:dyDescent="0.15"/>
    <row r="8442" ht="14.25" customHeight="1" x14ac:dyDescent="0.15"/>
    <row r="8443" ht="14.25" customHeight="1" x14ac:dyDescent="0.15"/>
    <row r="8444" ht="14.25" customHeight="1" x14ac:dyDescent="0.15"/>
    <row r="8445" ht="14.25" customHeight="1" x14ac:dyDescent="0.15"/>
    <row r="8446" ht="14.25" customHeight="1" x14ac:dyDescent="0.15"/>
    <row r="8447" ht="14.25" customHeight="1" x14ac:dyDescent="0.15"/>
    <row r="8448" ht="14.25" customHeight="1" x14ac:dyDescent="0.15"/>
    <row r="8449" ht="14.25" customHeight="1" x14ac:dyDescent="0.15"/>
    <row r="8450" ht="14.25" customHeight="1" x14ac:dyDescent="0.15"/>
    <row r="8451" ht="14.25" customHeight="1" x14ac:dyDescent="0.15"/>
    <row r="8452" ht="14.25" customHeight="1" x14ac:dyDescent="0.15"/>
    <row r="8453" ht="14.25" customHeight="1" x14ac:dyDescent="0.15"/>
    <row r="8454" ht="14.25" customHeight="1" x14ac:dyDescent="0.15"/>
    <row r="8455" ht="14.25" customHeight="1" x14ac:dyDescent="0.15"/>
    <row r="8456" ht="14.25" customHeight="1" x14ac:dyDescent="0.15"/>
    <row r="8457" ht="14.25" customHeight="1" x14ac:dyDescent="0.15"/>
    <row r="8458" ht="14.25" customHeight="1" x14ac:dyDescent="0.15"/>
    <row r="8459" ht="14.25" customHeight="1" x14ac:dyDescent="0.15"/>
    <row r="8460" ht="14.25" customHeight="1" x14ac:dyDescent="0.15"/>
    <row r="8461" ht="14.25" customHeight="1" x14ac:dyDescent="0.15"/>
    <row r="8462" ht="14.25" customHeight="1" x14ac:dyDescent="0.15"/>
    <row r="8463" ht="14.25" customHeight="1" x14ac:dyDescent="0.15"/>
    <row r="8464" ht="14.25" customHeight="1" x14ac:dyDescent="0.15"/>
    <row r="8465" ht="14.25" customHeight="1" x14ac:dyDescent="0.15"/>
    <row r="8466" ht="14.25" customHeight="1" x14ac:dyDescent="0.15"/>
    <row r="8467" ht="14.25" customHeight="1" x14ac:dyDescent="0.15"/>
    <row r="8468" ht="14.25" customHeight="1" x14ac:dyDescent="0.15"/>
    <row r="8469" ht="14.25" customHeight="1" x14ac:dyDescent="0.15"/>
    <row r="8470" ht="14.25" customHeight="1" x14ac:dyDescent="0.15"/>
    <row r="8471" ht="14.25" customHeight="1" x14ac:dyDescent="0.15"/>
    <row r="8472" ht="14.25" customHeight="1" x14ac:dyDescent="0.15"/>
    <row r="8473" ht="14.25" customHeight="1" x14ac:dyDescent="0.15"/>
    <row r="8474" ht="14.25" customHeight="1" x14ac:dyDescent="0.15"/>
    <row r="8475" ht="14.25" customHeight="1" x14ac:dyDescent="0.15"/>
    <row r="8476" ht="14.25" customHeight="1" x14ac:dyDescent="0.15"/>
    <row r="8477" ht="14.25" customHeight="1" x14ac:dyDescent="0.15"/>
    <row r="8478" ht="14.25" customHeight="1" x14ac:dyDescent="0.15"/>
    <row r="8479" ht="14.25" customHeight="1" x14ac:dyDescent="0.15"/>
    <row r="8480" ht="14.25" customHeight="1" x14ac:dyDescent="0.15"/>
    <row r="8481" ht="14.25" customHeight="1" x14ac:dyDescent="0.15"/>
    <row r="8482" ht="14.25" customHeight="1" x14ac:dyDescent="0.15"/>
    <row r="8483" ht="14.25" customHeight="1" x14ac:dyDescent="0.15"/>
    <row r="8484" ht="14.25" customHeight="1" x14ac:dyDescent="0.15"/>
    <row r="8485" ht="14.25" customHeight="1" x14ac:dyDescent="0.15"/>
    <row r="8486" ht="14.25" customHeight="1" x14ac:dyDescent="0.15"/>
    <row r="8487" ht="14.25" customHeight="1" x14ac:dyDescent="0.15"/>
    <row r="8488" ht="14.25" customHeight="1" x14ac:dyDescent="0.15"/>
    <row r="8489" ht="14.25" customHeight="1" x14ac:dyDescent="0.15"/>
    <row r="8490" ht="14.25" customHeight="1" x14ac:dyDescent="0.15"/>
    <row r="8491" ht="14.25" customHeight="1" x14ac:dyDescent="0.15"/>
    <row r="8492" ht="14.25" customHeight="1" x14ac:dyDescent="0.15"/>
    <row r="8493" ht="14.25" customHeight="1" x14ac:dyDescent="0.15"/>
    <row r="8494" ht="14.25" customHeight="1" x14ac:dyDescent="0.15"/>
    <row r="8495" ht="14.25" customHeight="1" x14ac:dyDescent="0.15"/>
    <row r="8496" ht="14.25" customHeight="1" x14ac:dyDescent="0.15"/>
    <row r="8497" ht="14.25" customHeight="1" x14ac:dyDescent="0.15"/>
    <row r="8498" ht="14.25" customHeight="1" x14ac:dyDescent="0.15"/>
    <row r="8499" ht="14.25" customHeight="1" x14ac:dyDescent="0.15"/>
    <row r="8500" ht="14.25" customHeight="1" x14ac:dyDescent="0.15"/>
    <row r="8501" ht="14.25" customHeight="1" x14ac:dyDescent="0.15"/>
    <row r="8502" ht="14.25" customHeight="1" x14ac:dyDescent="0.15"/>
    <row r="8503" ht="14.25" customHeight="1" x14ac:dyDescent="0.15"/>
    <row r="8504" ht="14.25" customHeight="1" x14ac:dyDescent="0.15"/>
    <row r="8505" ht="14.25" customHeight="1" x14ac:dyDescent="0.15"/>
    <row r="8506" ht="14.25" customHeight="1" x14ac:dyDescent="0.15"/>
    <row r="8507" ht="14.25" customHeight="1" x14ac:dyDescent="0.15"/>
    <row r="8508" ht="14.25" customHeight="1" x14ac:dyDescent="0.15"/>
    <row r="8509" ht="14.25" customHeight="1" x14ac:dyDescent="0.15"/>
    <row r="8510" ht="14.25" customHeight="1" x14ac:dyDescent="0.15"/>
    <row r="8511" ht="14.25" customHeight="1" x14ac:dyDescent="0.15"/>
    <row r="8512" ht="14.25" customHeight="1" x14ac:dyDescent="0.15"/>
    <row r="8513" ht="14.25" customHeight="1" x14ac:dyDescent="0.15"/>
    <row r="8514" ht="14.25" customHeight="1" x14ac:dyDescent="0.15"/>
    <row r="8515" ht="14.25" customHeight="1" x14ac:dyDescent="0.15"/>
    <row r="8516" ht="14.25" customHeight="1" x14ac:dyDescent="0.15"/>
    <row r="8517" ht="14.25" customHeight="1" x14ac:dyDescent="0.15"/>
    <row r="8518" ht="14.25" customHeight="1" x14ac:dyDescent="0.15"/>
    <row r="8519" ht="14.25" customHeight="1" x14ac:dyDescent="0.15"/>
    <row r="8520" ht="14.25" customHeight="1" x14ac:dyDescent="0.15"/>
    <row r="8521" ht="14.25" customHeight="1" x14ac:dyDescent="0.15"/>
    <row r="8522" ht="14.25" customHeight="1" x14ac:dyDescent="0.15"/>
    <row r="8523" ht="14.25" customHeight="1" x14ac:dyDescent="0.15"/>
    <row r="8524" ht="14.25" customHeight="1" x14ac:dyDescent="0.15"/>
    <row r="8525" ht="14.25" customHeight="1" x14ac:dyDescent="0.15"/>
    <row r="8526" ht="14.25" customHeight="1" x14ac:dyDescent="0.15"/>
    <row r="8527" ht="14.25" customHeight="1" x14ac:dyDescent="0.15"/>
    <row r="8528" ht="14.25" customHeight="1" x14ac:dyDescent="0.15"/>
    <row r="8529" ht="14.25" customHeight="1" x14ac:dyDescent="0.15"/>
    <row r="8530" ht="14.25" customHeight="1" x14ac:dyDescent="0.15"/>
    <row r="8531" ht="14.25" customHeight="1" x14ac:dyDescent="0.15"/>
    <row r="8532" ht="14.25" customHeight="1" x14ac:dyDescent="0.15"/>
    <row r="8533" ht="14.25" customHeight="1" x14ac:dyDescent="0.15"/>
    <row r="8534" ht="14.25" customHeight="1" x14ac:dyDescent="0.15"/>
    <row r="8535" ht="14.25" customHeight="1" x14ac:dyDescent="0.15"/>
    <row r="8536" ht="14.25" customHeight="1" x14ac:dyDescent="0.15"/>
    <row r="8537" ht="14.25" customHeight="1" x14ac:dyDescent="0.15"/>
    <row r="8538" ht="14.25" customHeight="1" x14ac:dyDescent="0.15"/>
    <row r="8539" ht="14.25" customHeight="1" x14ac:dyDescent="0.15"/>
    <row r="8540" ht="14.25" customHeight="1" x14ac:dyDescent="0.15"/>
    <row r="8541" ht="14.25" customHeight="1" x14ac:dyDescent="0.15"/>
    <row r="8542" ht="14.25" customHeight="1" x14ac:dyDescent="0.15"/>
    <row r="8543" ht="14.25" customHeight="1" x14ac:dyDescent="0.15"/>
    <row r="8544" ht="14.25" customHeight="1" x14ac:dyDescent="0.15"/>
    <row r="8545" ht="14.25" customHeight="1" x14ac:dyDescent="0.15"/>
    <row r="8546" ht="14.25" customHeight="1" x14ac:dyDescent="0.15"/>
    <row r="8547" ht="14.25" customHeight="1" x14ac:dyDescent="0.15"/>
    <row r="8548" ht="14.25" customHeight="1" x14ac:dyDescent="0.15"/>
    <row r="8549" ht="14.25" customHeight="1" x14ac:dyDescent="0.15"/>
    <row r="8550" ht="14.25" customHeight="1" x14ac:dyDescent="0.15"/>
    <row r="8551" ht="14.25" customHeight="1" x14ac:dyDescent="0.15"/>
    <row r="8552" ht="14.25" customHeight="1" x14ac:dyDescent="0.15"/>
    <row r="8553" ht="14.25" customHeight="1" x14ac:dyDescent="0.15"/>
    <row r="8554" ht="14.25" customHeight="1" x14ac:dyDescent="0.15"/>
    <row r="8555" ht="14.25" customHeight="1" x14ac:dyDescent="0.15"/>
    <row r="8556" ht="14.25" customHeight="1" x14ac:dyDescent="0.15"/>
    <row r="8557" ht="14.25" customHeight="1" x14ac:dyDescent="0.15"/>
    <row r="8558" ht="14.25" customHeight="1" x14ac:dyDescent="0.15"/>
    <row r="8559" ht="14.25" customHeight="1" x14ac:dyDescent="0.15"/>
    <row r="8560" ht="14.25" customHeight="1" x14ac:dyDescent="0.15"/>
    <row r="8561" ht="14.25" customHeight="1" x14ac:dyDescent="0.15"/>
    <row r="8562" ht="14.25" customHeight="1" x14ac:dyDescent="0.15"/>
    <row r="8563" ht="14.25" customHeight="1" x14ac:dyDescent="0.15"/>
    <row r="8564" ht="14.25" customHeight="1" x14ac:dyDescent="0.15"/>
    <row r="8565" ht="14.25" customHeight="1" x14ac:dyDescent="0.15"/>
    <row r="8566" ht="14.25" customHeight="1" x14ac:dyDescent="0.15"/>
    <row r="8567" ht="14.25" customHeight="1" x14ac:dyDescent="0.15"/>
    <row r="8568" ht="14.25" customHeight="1" x14ac:dyDescent="0.15"/>
    <row r="8569" ht="14.25" customHeight="1" x14ac:dyDescent="0.15"/>
    <row r="8570" ht="14.25" customHeight="1" x14ac:dyDescent="0.15"/>
    <row r="8571" ht="14.25" customHeight="1" x14ac:dyDescent="0.15"/>
    <row r="8572" ht="14.25" customHeight="1" x14ac:dyDescent="0.15"/>
    <row r="8573" ht="14.25" customHeight="1" x14ac:dyDescent="0.15"/>
    <row r="8574" ht="14.25" customHeight="1" x14ac:dyDescent="0.15"/>
    <row r="8575" ht="14.25" customHeight="1" x14ac:dyDescent="0.15"/>
    <row r="8576" ht="14.25" customHeight="1" x14ac:dyDescent="0.15"/>
    <row r="8577" ht="14.25" customHeight="1" x14ac:dyDescent="0.15"/>
    <row r="8578" ht="14.25" customHeight="1" x14ac:dyDescent="0.15"/>
    <row r="8579" ht="14.25" customHeight="1" x14ac:dyDescent="0.15"/>
    <row r="8580" ht="14.25" customHeight="1" x14ac:dyDescent="0.15"/>
    <row r="8581" ht="14.25" customHeight="1" x14ac:dyDescent="0.15"/>
    <row r="8582" ht="14.25" customHeight="1" x14ac:dyDescent="0.15"/>
    <row r="8583" ht="14.25" customHeight="1" x14ac:dyDescent="0.15"/>
    <row r="8584" ht="14.25" customHeight="1" x14ac:dyDescent="0.15"/>
    <row r="8585" ht="14.25" customHeight="1" x14ac:dyDescent="0.15"/>
    <row r="8586" ht="14.25" customHeight="1" x14ac:dyDescent="0.15"/>
    <row r="8587" ht="14.25" customHeight="1" x14ac:dyDescent="0.15"/>
    <row r="8588" ht="14.25" customHeight="1" x14ac:dyDescent="0.15"/>
    <row r="8589" ht="14.25" customHeight="1" x14ac:dyDescent="0.15"/>
    <row r="8590" ht="14.25" customHeight="1" x14ac:dyDescent="0.15"/>
    <row r="8591" ht="14.25" customHeight="1" x14ac:dyDescent="0.15"/>
    <row r="8592" ht="14.25" customHeight="1" x14ac:dyDescent="0.15"/>
    <row r="8593" ht="14.25" customHeight="1" x14ac:dyDescent="0.15"/>
    <row r="8594" ht="14.25" customHeight="1" x14ac:dyDescent="0.15"/>
    <row r="8595" ht="14.25" customHeight="1" x14ac:dyDescent="0.15"/>
    <row r="8596" ht="14.25" customHeight="1" x14ac:dyDescent="0.15"/>
    <row r="8597" ht="14.25" customHeight="1" x14ac:dyDescent="0.15"/>
    <row r="8598" ht="14.25" customHeight="1" x14ac:dyDescent="0.15"/>
    <row r="8599" ht="14.25" customHeight="1" x14ac:dyDescent="0.15"/>
    <row r="8600" ht="14.25" customHeight="1" x14ac:dyDescent="0.15"/>
    <row r="8601" ht="14.25" customHeight="1" x14ac:dyDescent="0.15"/>
    <row r="8602" ht="14.25" customHeight="1" x14ac:dyDescent="0.15"/>
    <row r="8603" ht="14.25" customHeight="1" x14ac:dyDescent="0.15"/>
    <row r="8604" ht="14.25" customHeight="1" x14ac:dyDescent="0.15"/>
    <row r="8605" ht="14.25" customHeight="1" x14ac:dyDescent="0.15"/>
    <row r="8606" ht="14.25" customHeight="1" x14ac:dyDescent="0.15"/>
    <row r="8607" ht="14.25" customHeight="1" x14ac:dyDescent="0.15"/>
    <row r="8608" ht="14.25" customHeight="1" x14ac:dyDescent="0.15"/>
    <row r="8609" ht="14.25" customHeight="1" x14ac:dyDescent="0.15"/>
    <row r="8610" ht="14.25" customHeight="1" x14ac:dyDescent="0.15"/>
    <row r="8611" ht="14.25" customHeight="1" x14ac:dyDescent="0.15"/>
    <row r="8612" ht="14.25" customHeight="1" x14ac:dyDescent="0.15"/>
    <row r="8613" ht="14.25" customHeight="1" x14ac:dyDescent="0.15"/>
    <row r="8614" ht="14.25" customHeight="1" x14ac:dyDescent="0.15"/>
    <row r="8615" ht="14.25" customHeight="1" x14ac:dyDescent="0.15"/>
    <row r="8616" ht="14.25" customHeight="1" x14ac:dyDescent="0.15"/>
    <row r="8617" ht="14.25" customHeight="1" x14ac:dyDescent="0.15"/>
    <row r="8618" ht="14.25" customHeight="1" x14ac:dyDescent="0.15"/>
    <row r="8619" ht="14.25" customHeight="1" x14ac:dyDescent="0.15"/>
    <row r="8620" ht="14.25" customHeight="1" x14ac:dyDescent="0.15"/>
    <row r="8621" ht="14.25" customHeight="1" x14ac:dyDescent="0.15"/>
    <row r="8622" ht="14.25" customHeight="1" x14ac:dyDescent="0.15"/>
    <row r="8623" ht="14.25" customHeight="1" x14ac:dyDescent="0.15"/>
    <row r="8624" ht="14.25" customHeight="1" x14ac:dyDescent="0.15"/>
    <row r="8625" ht="14.25" customHeight="1" x14ac:dyDescent="0.15"/>
    <row r="8626" ht="14.25" customHeight="1" x14ac:dyDescent="0.15"/>
    <row r="8627" ht="14.25" customHeight="1" x14ac:dyDescent="0.15"/>
    <row r="8628" ht="14.25" customHeight="1" x14ac:dyDescent="0.15"/>
    <row r="8629" ht="14.25" customHeight="1" x14ac:dyDescent="0.15"/>
    <row r="8630" ht="14.25" customHeight="1" x14ac:dyDescent="0.15"/>
    <row r="8631" ht="14.25" customHeight="1" x14ac:dyDescent="0.15"/>
    <row r="8632" ht="14.25" customHeight="1" x14ac:dyDescent="0.15"/>
    <row r="8633" ht="14.25" customHeight="1" x14ac:dyDescent="0.15"/>
    <row r="8634" ht="14.25" customHeight="1" x14ac:dyDescent="0.15"/>
    <row r="8635" ht="14.25" customHeight="1" x14ac:dyDescent="0.15"/>
    <row r="8636" ht="14.25" customHeight="1" x14ac:dyDescent="0.15"/>
    <row r="8637" ht="14.25" customHeight="1" x14ac:dyDescent="0.15"/>
    <row r="8638" ht="14.25" customHeight="1" x14ac:dyDescent="0.15"/>
    <row r="8639" ht="14.25" customHeight="1" x14ac:dyDescent="0.15"/>
    <row r="8640" ht="14.25" customHeight="1" x14ac:dyDescent="0.15"/>
    <row r="8641" ht="14.25" customHeight="1" x14ac:dyDescent="0.15"/>
    <row r="8642" ht="14.25" customHeight="1" x14ac:dyDescent="0.15"/>
    <row r="8643" ht="14.25" customHeight="1" x14ac:dyDescent="0.15"/>
    <row r="8644" ht="14.25" customHeight="1" x14ac:dyDescent="0.15"/>
    <row r="8645" ht="14.25" customHeight="1" x14ac:dyDescent="0.15"/>
    <row r="8646" ht="14.25" customHeight="1" x14ac:dyDescent="0.15"/>
    <row r="8647" ht="14.25" customHeight="1" x14ac:dyDescent="0.15"/>
    <row r="8648" ht="14.25" customHeight="1" x14ac:dyDescent="0.15"/>
    <row r="8649" ht="14.25" customHeight="1" x14ac:dyDescent="0.15"/>
    <row r="8650" ht="14.25" customHeight="1" x14ac:dyDescent="0.15"/>
    <row r="8651" ht="14.25" customHeight="1" x14ac:dyDescent="0.15"/>
    <row r="8652" ht="14.25" customHeight="1" x14ac:dyDescent="0.15"/>
    <row r="8653" ht="14.25" customHeight="1" x14ac:dyDescent="0.15"/>
    <row r="8654" ht="14.25" customHeight="1" x14ac:dyDescent="0.15"/>
    <row r="8655" ht="14.25" customHeight="1" x14ac:dyDescent="0.15"/>
    <row r="8656" ht="14.25" customHeight="1" x14ac:dyDescent="0.15"/>
    <row r="8657" ht="14.25" customHeight="1" x14ac:dyDescent="0.15"/>
    <row r="8658" ht="14.25" customHeight="1" x14ac:dyDescent="0.15"/>
    <row r="8659" ht="14.25" customHeight="1" x14ac:dyDescent="0.15"/>
    <row r="8660" ht="14.25" customHeight="1" x14ac:dyDescent="0.15"/>
    <row r="8661" ht="14.25" customHeight="1" x14ac:dyDescent="0.15"/>
    <row r="8662" ht="14.25" customHeight="1" x14ac:dyDescent="0.15"/>
    <row r="8663" ht="14.25" customHeight="1" x14ac:dyDescent="0.15"/>
    <row r="8664" ht="14.25" customHeight="1" x14ac:dyDescent="0.15"/>
    <row r="8665" ht="14.25" customHeight="1" x14ac:dyDescent="0.15"/>
    <row r="8666" ht="14.25" customHeight="1" x14ac:dyDescent="0.15"/>
    <row r="8667" ht="14.25" customHeight="1" x14ac:dyDescent="0.15"/>
    <row r="8668" ht="14.25" customHeight="1" x14ac:dyDescent="0.15"/>
    <row r="8669" ht="14.25" customHeight="1" x14ac:dyDescent="0.15"/>
    <row r="8670" ht="14.25" customHeight="1" x14ac:dyDescent="0.15"/>
    <row r="8671" ht="14.25" customHeight="1" x14ac:dyDescent="0.15"/>
    <row r="8672" ht="14.25" customHeight="1" x14ac:dyDescent="0.15"/>
    <row r="8673" ht="14.25" customHeight="1" x14ac:dyDescent="0.15"/>
    <row r="8674" ht="14.25" customHeight="1" x14ac:dyDescent="0.15"/>
    <row r="8675" ht="14.25" customHeight="1" x14ac:dyDescent="0.15"/>
    <row r="8676" ht="14.25" customHeight="1" x14ac:dyDescent="0.15"/>
    <row r="8677" ht="14.25" customHeight="1" x14ac:dyDescent="0.15"/>
    <row r="8678" ht="14.25" customHeight="1" x14ac:dyDescent="0.15"/>
    <row r="8679" ht="14.25" customHeight="1" x14ac:dyDescent="0.15"/>
    <row r="8680" ht="14.25" customHeight="1" x14ac:dyDescent="0.15"/>
    <row r="8681" ht="14.25" customHeight="1" x14ac:dyDescent="0.15"/>
    <row r="8682" ht="14.25" customHeight="1" x14ac:dyDescent="0.15"/>
    <row r="8683" ht="14.25" customHeight="1" x14ac:dyDescent="0.15"/>
    <row r="8684" ht="14.25" customHeight="1" x14ac:dyDescent="0.15"/>
    <row r="8685" ht="14.25" customHeight="1" x14ac:dyDescent="0.15"/>
    <row r="8686" ht="14.25" customHeight="1" x14ac:dyDescent="0.15"/>
    <row r="8687" ht="14.25" customHeight="1" x14ac:dyDescent="0.15"/>
    <row r="8688" ht="14.25" customHeight="1" x14ac:dyDescent="0.15"/>
    <row r="8689" ht="14.25" customHeight="1" x14ac:dyDescent="0.15"/>
    <row r="8690" ht="14.25" customHeight="1" x14ac:dyDescent="0.15"/>
    <row r="8691" ht="14.25" customHeight="1" x14ac:dyDescent="0.15"/>
    <row r="8692" ht="14.25" customHeight="1" x14ac:dyDescent="0.15"/>
    <row r="8693" ht="14.25" customHeight="1" x14ac:dyDescent="0.15"/>
    <row r="8694" ht="14.25" customHeight="1" x14ac:dyDescent="0.15"/>
    <row r="8695" ht="14.25" customHeight="1" x14ac:dyDescent="0.15"/>
    <row r="8696" ht="14.25" customHeight="1" x14ac:dyDescent="0.15"/>
    <row r="8697" ht="14.25" customHeight="1" x14ac:dyDescent="0.15"/>
    <row r="8698" ht="14.25" customHeight="1" x14ac:dyDescent="0.15"/>
    <row r="8699" ht="14.25" customHeight="1" x14ac:dyDescent="0.15"/>
    <row r="8700" ht="14.25" customHeight="1" x14ac:dyDescent="0.15"/>
    <row r="8701" ht="14.25" customHeight="1" x14ac:dyDescent="0.15"/>
    <row r="8702" ht="14.25" customHeight="1" x14ac:dyDescent="0.15"/>
    <row r="8703" ht="14.25" customHeight="1" x14ac:dyDescent="0.15"/>
    <row r="8704" ht="14.25" customHeight="1" x14ac:dyDescent="0.15"/>
    <row r="8705" ht="14.25" customHeight="1" x14ac:dyDescent="0.15"/>
    <row r="8706" ht="14.25" customHeight="1" x14ac:dyDescent="0.15"/>
    <row r="8707" ht="14.25" customHeight="1" x14ac:dyDescent="0.15"/>
    <row r="8708" ht="14.25" customHeight="1" x14ac:dyDescent="0.15"/>
    <row r="8709" ht="14.25" customHeight="1" x14ac:dyDescent="0.15"/>
    <row r="8710" ht="14.25" customHeight="1" x14ac:dyDescent="0.15"/>
    <row r="8711" ht="14.25" customHeight="1" x14ac:dyDescent="0.15"/>
    <row r="8712" ht="14.25" customHeight="1" x14ac:dyDescent="0.15"/>
    <row r="8713" ht="14.25" customHeight="1" x14ac:dyDescent="0.15"/>
    <row r="8714" ht="14.25" customHeight="1" x14ac:dyDescent="0.15"/>
    <row r="8715" ht="14.25" customHeight="1" x14ac:dyDescent="0.15"/>
    <row r="8716" ht="14.25" customHeight="1" x14ac:dyDescent="0.15"/>
    <row r="8717" ht="14.25" customHeight="1" x14ac:dyDescent="0.15"/>
    <row r="8718" ht="14.25" customHeight="1" x14ac:dyDescent="0.15"/>
    <row r="8719" ht="14.25" customHeight="1" x14ac:dyDescent="0.15"/>
    <row r="8720" ht="14.25" customHeight="1" x14ac:dyDescent="0.15"/>
    <row r="8721" ht="14.25" customHeight="1" x14ac:dyDescent="0.15"/>
    <row r="8722" ht="14.25" customHeight="1" x14ac:dyDescent="0.15"/>
    <row r="8723" ht="14.25" customHeight="1" x14ac:dyDescent="0.15"/>
    <row r="8724" ht="14.25" customHeight="1" x14ac:dyDescent="0.15"/>
    <row r="8725" ht="14.25" customHeight="1" x14ac:dyDescent="0.15"/>
    <row r="8726" ht="14.25" customHeight="1" x14ac:dyDescent="0.15"/>
    <row r="8727" ht="14.25" customHeight="1" x14ac:dyDescent="0.15"/>
    <row r="8728" ht="14.25" customHeight="1" x14ac:dyDescent="0.15"/>
    <row r="8729" ht="14.25" customHeight="1" x14ac:dyDescent="0.15"/>
    <row r="8730" ht="14.25" customHeight="1" x14ac:dyDescent="0.15"/>
    <row r="8731" ht="14.25" customHeight="1" x14ac:dyDescent="0.15"/>
    <row r="8732" ht="14.25" customHeight="1" x14ac:dyDescent="0.15"/>
    <row r="8733" ht="14.25" customHeight="1" x14ac:dyDescent="0.15"/>
    <row r="8734" ht="14.25" customHeight="1" x14ac:dyDescent="0.15"/>
    <row r="8735" ht="14.25" customHeight="1" x14ac:dyDescent="0.15"/>
    <row r="8736" ht="14.25" customHeight="1" x14ac:dyDescent="0.15"/>
    <row r="8737" ht="14.25" customHeight="1" x14ac:dyDescent="0.15"/>
    <row r="8738" ht="14.25" customHeight="1" x14ac:dyDescent="0.15"/>
    <row r="8739" ht="14.25" customHeight="1" x14ac:dyDescent="0.15"/>
    <row r="8740" ht="14.25" customHeight="1" x14ac:dyDescent="0.15"/>
    <row r="8741" ht="14.25" customHeight="1" x14ac:dyDescent="0.15"/>
    <row r="8742" ht="14.25" customHeight="1" x14ac:dyDescent="0.15"/>
    <row r="8743" ht="14.25" customHeight="1" x14ac:dyDescent="0.15"/>
    <row r="8744" ht="14.25" customHeight="1" x14ac:dyDescent="0.15"/>
    <row r="8745" ht="14.25" customHeight="1" x14ac:dyDescent="0.15"/>
    <row r="8746" ht="14.25" customHeight="1" x14ac:dyDescent="0.15"/>
    <row r="8747" ht="14.25" customHeight="1" x14ac:dyDescent="0.15"/>
    <row r="8748" ht="14.25" customHeight="1" x14ac:dyDescent="0.15"/>
    <row r="8749" ht="14.25" customHeight="1" x14ac:dyDescent="0.15"/>
    <row r="8750" ht="14.25" customHeight="1" x14ac:dyDescent="0.15"/>
    <row r="8751" ht="14.25" customHeight="1" x14ac:dyDescent="0.15"/>
    <row r="8752" ht="14.25" customHeight="1" x14ac:dyDescent="0.15"/>
    <row r="8753" ht="14.25" customHeight="1" x14ac:dyDescent="0.15"/>
    <row r="8754" ht="14.25" customHeight="1" x14ac:dyDescent="0.15"/>
    <row r="8755" ht="14.25" customHeight="1" x14ac:dyDescent="0.15"/>
    <row r="8756" ht="14.25" customHeight="1" x14ac:dyDescent="0.15"/>
    <row r="8757" ht="14.25" customHeight="1" x14ac:dyDescent="0.15"/>
    <row r="8758" ht="14.25" customHeight="1" x14ac:dyDescent="0.15"/>
    <row r="8759" ht="14.25" customHeight="1" x14ac:dyDescent="0.15"/>
    <row r="8760" ht="14.25" customHeight="1" x14ac:dyDescent="0.15"/>
    <row r="8761" ht="14.25" customHeight="1" x14ac:dyDescent="0.15"/>
    <row r="8762" ht="14.25" customHeight="1" x14ac:dyDescent="0.15"/>
    <row r="8763" ht="14.25" customHeight="1" x14ac:dyDescent="0.15"/>
    <row r="8764" ht="14.25" customHeight="1" x14ac:dyDescent="0.15"/>
    <row r="8765" ht="14.25" customHeight="1" x14ac:dyDescent="0.15"/>
    <row r="8766" ht="14.25" customHeight="1" x14ac:dyDescent="0.15"/>
    <row r="8767" ht="14.25" customHeight="1" x14ac:dyDescent="0.15"/>
    <row r="8768" ht="14.25" customHeight="1" x14ac:dyDescent="0.15"/>
    <row r="8769" ht="14.25" customHeight="1" x14ac:dyDescent="0.15"/>
    <row r="8770" ht="14.25" customHeight="1" x14ac:dyDescent="0.15"/>
    <row r="8771" ht="14.25" customHeight="1" x14ac:dyDescent="0.15"/>
    <row r="8772" ht="14.25" customHeight="1" x14ac:dyDescent="0.15"/>
    <row r="8773" ht="14.25" customHeight="1" x14ac:dyDescent="0.15"/>
    <row r="8774" ht="14.25" customHeight="1" x14ac:dyDescent="0.15"/>
    <row r="8775" ht="14.25" customHeight="1" x14ac:dyDescent="0.15"/>
    <row r="8776" ht="14.25" customHeight="1" x14ac:dyDescent="0.15"/>
    <row r="8777" ht="14.25" customHeight="1" x14ac:dyDescent="0.15"/>
    <row r="8778" ht="14.25" customHeight="1" x14ac:dyDescent="0.15"/>
    <row r="8779" ht="14.25" customHeight="1" x14ac:dyDescent="0.15"/>
    <row r="8780" ht="14.25" customHeight="1" x14ac:dyDescent="0.15"/>
    <row r="8781" ht="14.25" customHeight="1" x14ac:dyDescent="0.15"/>
    <row r="8782" ht="14.25" customHeight="1" x14ac:dyDescent="0.15"/>
    <row r="8783" ht="14.25" customHeight="1" x14ac:dyDescent="0.15"/>
    <row r="8784" ht="14.25" customHeight="1" x14ac:dyDescent="0.15"/>
    <row r="8785" ht="14.25" customHeight="1" x14ac:dyDescent="0.15"/>
    <row r="8786" ht="14.25" customHeight="1" x14ac:dyDescent="0.15"/>
    <row r="8787" ht="14.25" customHeight="1" x14ac:dyDescent="0.15"/>
    <row r="8788" ht="14.25" customHeight="1" x14ac:dyDescent="0.15"/>
    <row r="8789" ht="14.25" customHeight="1" x14ac:dyDescent="0.15"/>
    <row r="8790" ht="14.25" customHeight="1" x14ac:dyDescent="0.15"/>
    <row r="8791" ht="14.25" customHeight="1" x14ac:dyDescent="0.15"/>
    <row r="8792" ht="14.25" customHeight="1" x14ac:dyDescent="0.15"/>
    <row r="8793" ht="14.25" customHeight="1" x14ac:dyDescent="0.15"/>
    <row r="8794" ht="14.25" customHeight="1" x14ac:dyDescent="0.15"/>
    <row r="8795" ht="14.25" customHeight="1" x14ac:dyDescent="0.15"/>
    <row r="8796" ht="14.25" customHeight="1" x14ac:dyDescent="0.15"/>
    <row r="8797" ht="14.25" customHeight="1" x14ac:dyDescent="0.15"/>
    <row r="8798" ht="14.25" customHeight="1" x14ac:dyDescent="0.15"/>
    <row r="8799" ht="14.25" customHeight="1" x14ac:dyDescent="0.15"/>
    <row r="8800" ht="14.25" customHeight="1" x14ac:dyDescent="0.15"/>
    <row r="8801" ht="14.25" customHeight="1" x14ac:dyDescent="0.15"/>
    <row r="8802" ht="14.25" customHeight="1" x14ac:dyDescent="0.15"/>
    <row r="8803" ht="14.25" customHeight="1" x14ac:dyDescent="0.15"/>
    <row r="8804" ht="14.25" customHeight="1" x14ac:dyDescent="0.15"/>
    <row r="8805" ht="14.25" customHeight="1" x14ac:dyDescent="0.15"/>
    <row r="8806" ht="14.25" customHeight="1" x14ac:dyDescent="0.15"/>
    <row r="8807" ht="14.25" customHeight="1" x14ac:dyDescent="0.15"/>
    <row r="8808" ht="14.25" customHeight="1" x14ac:dyDescent="0.15"/>
    <row r="8809" ht="14.25" customHeight="1" x14ac:dyDescent="0.15"/>
    <row r="8810" ht="14.25" customHeight="1" x14ac:dyDescent="0.15"/>
    <row r="8811" ht="14.25" customHeight="1" x14ac:dyDescent="0.15"/>
    <row r="8812" ht="14.25" customHeight="1" x14ac:dyDescent="0.15"/>
    <row r="8813" ht="14.25" customHeight="1" x14ac:dyDescent="0.15"/>
    <row r="8814" ht="14.25" customHeight="1" x14ac:dyDescent="0.15"/>
    <row r="8815" ht="14.25" customHeight="1" x14ac:dyDescent="0.15"/>
    <row r="8816" ht="14.25" customHeight="1" x14ac:dyDescent="0.15"/>
    <row r="8817" ht="14.25" customHeight="1" x14ac:dyDescent="0.15"/>
    <row r="8818" ht="14.25" customHeight="1" x14ac:dyDescent="0.15"/>
    <row r="8819" ht="14.25" customHeight="1" x14ac:dyDescent="0.15"/>
    <row r="8820" ht="14.25" customHeight="1" x14ac:dyDescent="0.15"/>
    <row r="8821" ht="14.25" customHeight="1" x14ac:dyDescent="0.15"/>
    <row r="8822" ht="14.25" customHeight="1" x14ac:dyDescent="0.15"/>
    <row r="8823" ht="14.25" customHeight="1" x14ac:dyDescent="0.15"/>
    <row r="8824" ht="14.25" customHeight="1" x14ac:dyDescent="0.15"/>
    <row r="8825" ht="14.25" customHeight="1" x14ac:dyDescent="0.15"/>
    <row r="8826" ht="14.25" customHeight="1" x14ac:dyDescent="0.15"/>
    <row r="8827" ht="14.25" customHeight="1" x14ac:dyDescent="0.15"/>
    <row r="8828" ht="14.25" customHeight="1" x14ac:dyDescent="0.15"/>
    <row r="8829" ht="14.25" customHeight="1" x14ac:dyDescent="0.15"/>
    <row r="8830" ht="14.25" customHeight="1" x14ac:dyDescent="0.15"/>
    <row r="8831" ht="14.25" customHeight="1" x14ac:dyDescent="0.15"/>
    <row r="8832" ht="14.25" customHeight="1" x14ac:dyDescent="0.15"/>
    <row r="8833" ht="14.25" customHeight="1" x14ac:dyDescent="0.15"/>
    <row r="8834" ht="14.25" customHeight="1" x14ac:dyDescent="0.15"/>
    <row r="8835" ht="14.25" customHeight="1" x14ac:dyDescent="0.15"/>
    <row r="8836" ht="14.25" customHeight="1" x14ac:dyDescent="0.15"/>
    <row r="8837" ht="14.25" customHeight="1" x14ac:dyDescent="0.15"/>
    <row r="8838" ht="14.25" customHeight="1" x14ac:dyDescent="0.15"/>
    <row r="8839" ht="14.25" customHeight="1" x14ac:dyDescent="0.15"/>
    <row r="8840" ht="14.25" customHeight="1" x14ac:dyDescent="0.15"/>
    <row r="8841" ht="14.25" customHeight="1" x14ac:dyDescent="0.15"/>
    <row r="8842" ht="14.25" customHeight="1" x14ac:dyDescent="0.15"/>
    <row r="8843" ht="14.25" customHeight="1" x14ac:dyDescent="0.15"/>
    <row r="8844" ht="14.25" customHeight="1" x14ac:dyDescent="0.15"/>
    <row r="8845" ht="14.25" customHeight="1" x14ac:dyDescent="0.15"/>
    <row r="8846" ht="14.25" customHeight="1" x14ac:dyDescent="0.15"/>
    <row r="8847" ht="14.25" customHeight="1" x14ac:dyDescent="0.15"/>
    <row r="8848" ht="14.25" customHeight="1" x14ac:dyDescent="0.15"/>
    <row r="8849" ht="14.25" customHeight="1" x14ac:dyDescent="0.15"/>
    <row r="8850" ht="14.25" customHeight="1" x14ac:dyDescent="0.15"/>
    <row r="8851" ht="14.25" customHeight="1" x14ac:dyDescent="0.15"/>
    <row r="8852" ht="14.25" customHeight="1" x14ac:dyDescent="0.15"/>
    <row r="8853" ht="14.25" customHeight="1" x14ac:dyDescent="0.15"/>
    <row r="8854" ht="14.25" customHeight="1" x14ac:dyDescent="0.15"/>
    <row r="8855" ht="14.25" customHeight="1" x14ac:dyDescent="0.15"/>
    <row r="8856" ht="14.25" customHeight="1" x14ac:dyDescent="0.15"/>
    <row r="8857" ht="14.25" customHeight="1" x14ac:dyDescent="0.15"/>
    <row r="8858" ht="14.25" customHeight="1" x14ac:dyDescent="0.15"/>
    <row r="8859" ht="14.25" customHeight="1" x14ac:dyDescent="0.15"/>
    <row r="8860" ht="14.25" customHeight="1" x14ac:dyDescent="0.15"/>
    <row r="8861" ht="14.25" customHeight="1" x14ac:dyDescent="0.15"/>
    <row r="8862" ht="14.25" customHeight="1" x14ac:dyDescent="0.15"/>
    <row r="8863" ht="14.25" customHeight="1" x14ac:dyDescent="0.15"/>
    <row r="8864" ht="14.25" customHeight="1" x14ac:dyDescent="0.15"/>
    <row r="8865" ht="14.25" customHeight="1" x14ac:dyDescent="0.15"/>
    <row r="8866" ht="14.25" customHeight="1" x14ac:dyDescent="0.15"/>
    <row r="8867" ht="14.25" customHeight="1" x14ac:dyDescent="0.15"/>
    <row r="8868" ht="14.25" customHeight="1" x14ac:dyDescent="0.15"/>
    <row r="8869" ht="14.25" customHeight="1" x14ac:dyDescent="0.15"/>
    <row r="8870" ht="14.25" customHeight="1" x14ac:dyDescent="0.15"/>
    <row r="8871" ht="14.25" customHeight="1" x14ac:dyDescent="0.15"/>
    <row r="8872" ht="14.25" customHeight="1" x14ac:dyDescent="0.15"/>
    <row r="8873" ht="14.25" customHeight="1" x14ac:dyDescent="0.15"/>
    <row r="8874" ht="14.25" customHeight="1" x14ac:dyDescent="0.15"/>
    <row r="8875" ht="14.25" customHeight="1" x14ac:dyDescent="0.15"/>
    <row r="8876" ht="14.25" customHeight="1" x14ac:dyDescent="0.15"/>
    <row r="8877" ht="14.25" customHeight="1" x14ac:dyDescent="0.15"/>
    <row r="8878" ht="14.25" customHeight="1" x14ac:dyDescent="0.15"/>
    <row r="8879" ht="14.25" customHeight="1" x14ac:dyDescent="0.15"/>
    <row r="8880" ht="14.25" customHeight="1" x14ac:dyDescent="0.15"/>
    <row r="8881" ht="14.25" customHeight="1" x14ac:dyDescent="0.15"/>
    <row r="8882" ht="14.25" customHeight="1" x14ac:dyDescent="0.15"/>
    <row r="8883" ht="14.25" customHeight="1" x14ac:dyDescent="0.15"/>
    <row r="8884" ht="14.25" customHeight="1" x14ac:dyDescent="0.15"/>
    <row r="8885" ht="14.25" customHeight="1" x14ac:dyDescent="0.15"/>
    <row r="8886" ht="14.25" customHeight="1" x14ac:dyDescent="0.15"/>
    <row r="8887" ht="14.25" customHeight="1" x14ac:dyDescent="0.15"/>
    <row r="8888" ht="14.25" customHeight="1" x14ac:dyDescent="0.15"/>
    <row r="8889" ht="14.25" customHeight="1" x14ac:dyDescent="0.15"/>
    <row r="8890" ht="14.25" customHeight="1" x14ac:dyDescent="0.15"/>
    <row r="8891" ht="14.25" customHeight="1" x14ac:dyDescent="0.15"/>
    <row r="8892" ht="14.25" customHeight="1" x14ac:dyDescent="0.15"/>
    <row r="8893" ht="14.25" customHeight="1" x14ac:dyDescent="0.15"/>
    <row r="8894" ht="14.25" customHeight="1" x14ac:dyDescent="0.15"/>
    <row r="8895" ht="14.25" customHeight="1" x14ac:dyDescent="0.15"/>
    <row r="8896" ht="14.25" customHeight="1" x14ac:dyDescent="0.15"/>
    <row r="8897" ht="14.25" customHeight="1" x14ac:dyDescent="0.15"/>
    <row r="8898" ht="14.25" customHeight="1" x14ac:dyDescent="0.15"/>
    <row r="8899" ht="14.25" customHeight="1" x14ac:dyDescent="0.15"/>
    <row r="8900" ht="14.25" customHeight="1" x14ac:dyDescent="0.15"/>
    <row r="8901" ht="14.25" customHeight="1" x14ac:dyDescent="0.15"/>
    <row r="8902" ht="14.25" customHeight="1" x14ac:dyDescent="0.15"/>
    <row r="8903" ht="14.25" customHeight="1" x14ac:dyDescent="0.15"/>
    <row r="8904" ht="14.25" customHeight="1" x14ac:dyDescent="0.15"/>
    <row r="8905" ht="14.25" customHeight="1" x14ac:dyDescent="0.15"/>
    <row r="8906" ht="14.25" customHeight="1" x14ac:dyDescent="0.15"/>
    <row r="8907" ht="14.25" customHeight="1" x14ac:dyDescent="0.15"/>
    <row r="8908" ht="14.25" customHeight="1" x14ac:dyDescent="0.15"/>
    <row r="8909" ht="14.25" customHeight="1" x14ac:dyDescent="0.15"/>
    <row r="8910" ht="14.25" customHeight="1" x14ac:dyDescent="0.15"/>
    <row r="8911" ht="14.25" customHeight="1" x14ac:dyDescent="0.15"/>
    <row r="8912" ht="14.25" customHeight="1" x14ac:dyDescent="0.15"/>
    <row r="8913" ht="14.25" customHeight="1" x14ac:dyDescent="0.15"/>
    <row r="8914" ht="14.25" customHeight="1" x14ac:dyDescent="0.15"/>
    <row r="8915" ht="14.25" customHeight="1" x14ac:dyDescent="0.15"/>
    <row r="8916" ht="14.25" customHeight="1" x14ac:dyDescent="0.15"/>
    <row r="8917" ht="14.25" customHeight="1" x14ac:dyDescent="0.15"/>
    <row r="8918" ht="14.25" customHeight="1" x14ac:dyDescent="0.15"/>
    <row r="8919" ht="14.25" customHeight="1" x14ac:dyDescent="0.15"/>
    <row r="8920" ht="14.25" customHeight="1" x14ac:dyDescent="0.15"/>
    <row r="8921" ht="14.25" customHeight="1" x14ac:dyDescent="0.15"/>
    <row r="8922" ht="14.25" customHeight="1" x14ac:dyDescent="0.15"/>
    <row r="8923" ht="14.25" customHeight="1" x14ac:dyDescent="0.15"/>
    <row r="8924" ht="14.25" customHeight="1" x14ac:dyDescent="0.15"/>
    <row r="8925" ht="14.25" customHeight="1" x14ac:dyDescent="0.15"/>
    <row r="8926" ht="14.25" customHeight="1" x14ac:dyDescent="0.15"/>
    <row r="8927" ht="14.25" customHeight="1" x14ac:dyDescent="0.15"/>
    <row r="8928" ht="14.25" customHeight="1" x14ac:dyDescent="0.15"/>
    <row r="8929" ht="14.25" customHeight="1" x14ac:dyDescent="0.15"/>
    <row r="8930" ht="14.25" customHeight="1" x14ac:dyDescent="0.15"/>
    <row r="8931" ht="14.25" customHeight="1" x14ac:dyDescent="0.15"/>
    <row r="8932" ht="14.25" customHeight="1" x14ac:dyDescent="0.15"/>
    <row r="8933" ht="14.25" customHeight="1" x14ac:dyDescent="0.15"/>
    <row r="8934" ht="14.25" customHeight="1" x14ac:dyDescent="0.15"/>
    <row r="8935" ht="14.25" customHeight="1" x14ac:dyDescent="0.15"/>
    <row r="8936" ht="14.25" customHeight="1" x14ac:dyDescent="0.15"/>
    <row r="8937" ht="14.25" customHeight="1" x14ac:dyDescent="0.15"/>
    <row r="8938" ht="14.25" customHeight="1" x14ac:dyDescent="0.15"/>
    <row r="8939" ht="14.25" customHeight="1" x14ac:dyDescent="0.15"/>
    <row r="8940" ht="14.25" customHeight="1" x14ac:dyDescent="0.15"/>
    <row r="8941" ht="14.25" customHeight="1" x14ac:dyDescent="0.15"/>
    <row r="8942" ht="14.25" customHeight="1" x14ac:dyDescent="0.15"/>
    <row r="8943" ht="14.25" customHeight="1" x14ac:dyDescent="0.15"/>
    <row r="8944" ht="14.25" customHeight="1" x14ac:dyDescent="0.15"/>
    <row r="8945" ht="14.25" customHeight="1" x14ac:dyDescent="0.15"/>
    <row r="8946" ht="14.25" customHeight="1" x14ac:dyDescent="0.15"/>
    <row r="8947" ht="14.25" customHeight="1" x14ac:dyDescent="0.15"/>
    <row r="8948" ht="14.25" customHeight="1" x14ac:dyDescent="0.15"/>
    <row r="8949" ht="14.25" customHeight="1" x14ac:dyDescent="0.15"/>
    <row r="8950" ht="14.25" customHeight="1" x14ac:dyDescent="0.15"/>
    <row r="8951" ht="14.25" customHeight="1" x14ac:dyDescent="0.15"/>
    <row r="8952" ht="14.25" customHeight="1" x14ac:dyDescent="0.15"/>
    <row r="8953" ht="14.25" customHeight="1" x14ac:dyDescent="0.15"/>
    <row r="8954" ht="14.25" customHeight="1" x14ac:dyDescent="0.15"/>
    <row r="8955" ht="14.25" customHeight="1" x14ac:dyDescent="0.15"/>
    <row r="8956" ht="14.25" customHeight="1" x14ac:dyDescent="0.15"/>
    <row r="8957" ht="14.25" customHeight="1" x14ac:dyDescent="0.15"/>
    <row r="8958" ht="14.25" customHeight="1" x14ac:dyDescent="0.15"/>
    <row r="8959" ht="14.25" customHeight="1" x14ac:dyDescent="0.15"/>
    <row r="8960" ht="14.25" customHeight="1" x14ac:dyDescent="0.15"/>
    <row r="8961" ht="14.25" customHeight="1" x14ac:dyDescent="0.15"/>
    <row r="8962" ht="14.25" customHeight="1" x14ac:dyDescent="0.15"/>
    <row r="8963" ht="14.25" customHeight="1" x14ac:dyDescent="0.15"/>
    <row r="8964" ht="14.25" customHeight="1" x14ac:dyDescent="0.15"/>
    <row r="8965" ht="14.25" customHeight="1" x14ac:dyDescent="0.15"/>
    <row r="8966" ht="14.25" customHeight="1" x14ac:dyDescent="0.15"/>
    <row r="8967" ht="14.25" customHeight="1" x14ac:dyDescent="0.15"/>
    <row r="8968" ht="14.25" customHeight="1" x14ac:dyDescent="0.15"/>
    <row r="8969" ht="14.25" customHeight="1" x14ac:dyDescent="0.15"/>
    <row r="8970" ht="14.25" customHeight="1" x14ac:dyDescent="0.15"/>
    <row r="8971" ht="14.25" customHeight="1" x14ac:dyDescent="0.15"/>
    <row r="8972" ht="14.25" customHeight="1" x14ac:dyDescent="0.15"/>
    <row r="8973" ht="14.25" customHeight="1" x14ac:dyDescent="0.15"/>
    <row r="8974" ht="14.25" customHeight="1" x14ac:dyDescent="0.15"/>
    <row r="8975" ht="14.25" customHeight="1" x14ac:dyDescent="0.15"/>
    <row r="8976" ht="14.25" customHeight="1" x14ac:dyDescent="0.15"/>
    <row r="8977" ht="14.25" customHeight="1" x14ac:dyDescent="0.15"/>
    <row r="8978" ht="14.25" customHeight="1" x14ac:dyDescent="0.15"/>
    <row r="8979" ht="14.25" customHeight="1" x14ac:dyDescent="0.15"/>
    <row r="8980" ht="14.25" customHeight="1" x14ac:dyDescent="0.15"/>
    <row r="8981" ht="14.25" customHeight="1" x14ac:dyDescent="0.15"/>
    <row r="8982" ht="14.25" customHeight="1" x14ac:dyDescent="0.15"/>
    <row r="8983" ht="14.25" customHeight="1" x14ac:dyDescent="0.15"/>
    <row r="8984" ht="14.25" customHeight="1" x14ac:dyDescent="0.15"/>
    <row r="8985" ht="14.25" customHeight="1" x14ac:dyDescent="0.15"/>
    <row r="8986" ht="14.25" customHeight="1" x14ac:dyDescent="0.15"/>
    <row r="8987" ht="14.25" customHeight="1" x14ac:dyDescent="0.15"/>
    <row r="8988" ht="14.25" customHeight="1" x14ac:dyDescent="0.15"/>
    <row r="8989" ht="14.25" customHeight="1" x14ac:dyDescent="0.15"/>
    <row r="8990" ht="14.25" customHeight="1" x14ac:dyDescent="0.15"/>
    <row r="8991" ht="14.25" customHeight="1" x14ac:dyDescent="0.15"/>
    <row r="8992" ht="14.25" customHeight="1" x14ac:dyDescent="0.15"/>
    <row r="8993" ht="14.25" customHeight="1" x14ac:dyDescent="0.15"/>
    <row r="8994" ht="14.25" customHeight="1" x14ac:dyDescent="0.15"/>
    <row r="8995" ht="14.25" customHeight="1" x14ac:dyDescent="0.15"/>
    <row r="8996" ht="14.25" customHeight="1" x14ac:dyDescent="0.15"/>
    <row r="8997" ht="14.25" customHeight="1" x14ac:dyDescent="0.15"/>
    <row r="8998" ht="14.25" customHeight="1" x14ac:dyDescent="0.15"/>
    <row r="8999" ht="14.25" customHeight="1" x14ac:dyDescent="0.15"/>
    <row r="9000" ht="14.25" customHeight="1" x14ac:dyDescent="0.15"/>
    <row r="9001" ht="14.25" customHeight="1" x14ac:dyDescent="0.15"/>
    <row r="9002" ht="14.25" customHeight="1" x14ac:dyDescent="0.15"/>
    <row r="9003" ht="14.25" customHeight="1" x14ac:dyDescent="0.15"/>
    <row r="9004" ht="14.25" customHeight="1" x14ac:dyDescent="0.15"/>
    <row r="9005" ht="14.25" customHeight="1" x14ac:dyDescent="0.15"/>
    <row r="9006" ht="14.25" customHeight="1" x14ac:dyDescent="0.15"/>
    <row r="9007" ht="14.25" customHeight="1" x14ac:dyDescent="0.15"/>
    <row r="9008" ht="14.25" customHeight="1" x14ac:dyDescent="0.15"/>
    <row r="9009" ht="14.25" customHeight="1" x14ac:dyDescent="0.15"/>
    <row r="9010" ht="14.25" customHeight="1" x14ac:dyDescent="0.15"/>
    <row r="9011" ht="14.25" customHeight="1" x14ac:dyDescent="0.15"/>
    <row r="9012" ht="14.25" customHeight="1" x14ac:dyDescent="0.15"/>
    <row r="9013" ht="14.25" customHeight="1" x14ac:dyDescent="0.15"/>
    <row r="9014" ht="14.25" customHeight="1" x14ac:dyDescent="0.15"/>
    <row r="9015" ht="14.25" customHeight="1" x14ac:dyDescent="0.15"/>
    <row r="9016" ht="14.25" customHeight="1" x14ac:dyDescent="0.15"/>
    <row r="9017" ht="14.25" customHeight="1" x14ac:dyDescent="0.15"/>
    <row r="9018" ht="14.25" customHeight="1" x14ac:dyDescent="0.15"/>
    <row r="9019" ht="14.25" customHeight="1" x14ac:dyDescent="0.15"/>
    <row r="9020" ht="14.25" customHeight="1" x14ac:dyDescent="0.15"/>
    <row r="9021" ht="14.25" customHeight="1" x14ac:dyDescent="0.15"/>
    <row r="9022" ht="14.25" customHeight="1" x14ac:dyDescent="0.15"/>
    <row r="9023" ht="14.25" customHeight="1" x14ac:dyDescent="0.15"/>
    <row r="9024" ht="14.25" customHeight="1" x14ac:dyDescent="0.15"/>
    <row r="9025" ht="14.25" customHeight="1" x14ac:dyDescent="0.15"/>
    <row r="9026" ht="14.25" customHeight="1" x14ac:dyDescent="0.15"/>
    <row r="9027" ht="14.25" customHeight="1" x14ac:dyDescent="0.15"/>
    <row r="9028" ht="14.25" customHeight="1" x14ac:dyDescent="0.15"/>
    <row r="9029" ht="14.25" customHeight="1" x14ac:dyDescent="0.15"/>
    <row r="9030" ht="14.25" customHeight="1" x14ac:dyDescent="0.15"/>
    <row r="9031" ht="14.25" customHeight="1" x14ac:dyDescent="0.15"/>
    <row r="9032" ht="14.25" customHeight="1" x14ac:dyDescent="0.15"/>
    <row r="9033" ht="14.25" customHeight="1" x14ac:dyDescent="0.15"/>
    <row r="9034" ht="14.25" customHeight="1" x14ac:dyDescent="0.15"/>
    <row r="9035" ht="14.25" customHeight="1" x14ac:dyDescent="0.15"/>
    <row r="9036" ht="14.25" customHeight="1" x14ac:dyDescent="0.15"/>
    <row r="9037" ht="14.25" customHeight="1" x14ac:dyDescent="0.15"/>
    <row r="9038" ht="14.25" customHeight="1" x14ac:dyDescent="0.15"/>
    <row r="9039" ht="14.25" customHeight="1" x14ac:dyDescent="0.15"/>
    <row r="9040" ht="14.25" customHeight="1" x14ac:dyDescent="0.15"/>
    <row r="9041" ht="14.25" customHeight="1" x14ac:dyDescent="0.15"/>
    <row r="9042" ht="14.25" customHeight="1" x14ac:dyDescent="0.15"/>
    <row r="9043" ht="14.25" customHeight="1" x14ac:dyDescent="0.15"/>
    <row r="9044" ht="14.25" customHeight="1" x14ac:dyDescent="0.15"/>
    <row r="9045" ht="14.25" customHeight="1" x14ac:dyDescent="0.15"/>
    <row r="9046" ht="14.25" customHeight="1" x14ac:dyDescent="0.15"/>
    <row r="9047" ht="14.25" customHeight="1" x14ac:dyDescent="0.15"/>
    <row r="9048" ht="14.25" customHeight="1" x14ac:dyDescent="0.15"/>
    <row r="9049" ht="14.25" customHeight="1" x14ac:dyDescent="0.15"/>
    <row r="9050" ht="14.25" customHeight="1" x14ac:dyDescent="0.15"/>
    <row r="9051" ht="14.25" customHeight="1" x14ac:dyDescent="0.15"/>
    <row r="9052" ht="14.25" customHeight="1" x14ac:dyDescent="0.15"/>
    <row r="9053" ht="14.25" customHeight="1" x14ac:dyDescent="0.15"/>
    <row r="9054" ht="14.25" customHeight="1" x14ac:dyDescent="0.15"/>
    <row r="9055" ht="14.25" customHeight="1" x14ac:dyDescent="0.15"/>
    <row r="9056" ht="14.25" customHeight="1" x14ac:dyDescent="0.15"/>
    <row r="9057" ht="14.25" customHeight="1" x14ac:dyDescent="0.15"/>
    <row r="9058" ht="14.25" customHeight="1" x14ac:dyDescent="0.15"/>
    <row r="9059" ht="14.25" customHeight="1" x14ac:dyDescent="0.15"/>
    <row r="9060" ht="14.25" customHeight="1" x14ac:dyDescent="0.15"/>
    <row r="9061" ht="14.25" customHeight="1" x14ac:dyDescent="0.15"/>
    <row r="9062" ht="14.25" customHeight="1" x14ac:dyDescent="0.15"/>
    <row r="9063" ht="14.25" customHeight="1" x14ac:dyDescent="0.15"/>
    <row r="9064" ht="14.25" customHeight="1" x14ac:dyDescent="0.15"/>
    <row r="9065" ht="14.25" customHeight="1" x14ac:dyDescent="0.15"/>
    <row r="9066" ht="14.25" customHeight="1" x14ac:dyDescent="0.15"/>
    <row r="9067" ht="14.25" customHeight="1" x14ac:dyDescent="0.15"/>
    <row r="9068" ht="14.25" customHeight="1" x14ac:dyDescent="0.15"/>
    <row r="9069" ht="14.25" customHeight="1" x14ac:dyDescent="0.15"/>
    <row r="9070" ht="14.25" customHeight="1" x14ac:dyDescent="0.15"/>
    <row r="9071" ht="14.25" customHeight="1" x14ac:dyDescent="0.15"/>
    <row r="9072" ht="14.25" customHeight="1" x14ac:dyDescent="0.15"/>
    <row r="9073" ht="14.25" customHeight="1" x14ac:dyDescent="0.15"/>
    <row r="9074" ht="14.25" customHeight="1" x14ac:dyDescent="0.15"/>
    <row r="9075" ht="14.25" customHeight="1" x14ac:dyDescent="0.15"/>
    <row r="9076" ht="14.25" customHeight="1" x14ac:dyDescent="0.15"/>
    <row r="9077" ht="14.25" customHeight="1" x14ac:dyDescent="0.15"/>
    <row r="9078" ht="14.25" customHeight="1" x14ac:dyDescent="0.15"/>
    <row r="9079" ht="14.25" customHeight="1" x14ac:dyDescent="0.15"/>
    <row r="9080" ht="14.25" customHeight="1" x14ac:dyDescent="0.15"/>
    <row r="9081" ht="14.25" customHeight="1" x14ac:dyDescent="0.15"/>
    <row r="9082" ht="14.25" customHeight="1" x14ac:dyDescent="0.15"/>
    <row r="9083" ht="14.25" customHeight="1" x14ac:dyDescent="0.15"/>
    <row r="9084" ht="14.25" customHeight="1" x14ac:dyDescent="0.15"/>
    <row r="9085" ht="14.25" customHeight="1" x14ac:dyDescent="0.15"/>
    <row r="9086" ht="14.25" customHeight="1" x14ac:dyDescent="0.15"/>
    <row r="9087" ht="14.25" customHeight="1" x14ac:dyDescent="0.15"/>
    <row r="9088" ht="14.25" customHeight="1" x14ac:dyDescent="0.15"/>
    <row r="9089" ht="14.25" customHeight="1" x14ac:dyDescent="0.15"/>
    <row r="9090" ht="14.25" customHeight="1" x14ac:dyDescent="0.15"/>
    <row r="9091" ht="14.25" customHeight="1" x14ac:dyDescent="0.15"/>
    <row r="9092" ht="14.25" customHeight="1" x14ac:dyDescent="0.15"/>
    <row r="9093" ht="14.25" customHeight="1" x14ac:dyDescent="0.15"/>
    <row r="9094" ht="14.25" customHeight="1" x14ac:dyDescent="0.15"/>
    <row r="9095" ht="14.25" customHeight="1" x14ac:dyDescent="0.15"/>
    <row r="9096" ht="14.25" customHeight="1" x14ac:dyDescent="0.15"/>
    <row r="9097" ht="14.25" customHeight="1" x14ac:dyDescent="0.15"/>
    <row r="9098" ht="14.25" customHeight="1" x14ac:dyDescent="0.15"/>
    <row r="9099" ht="14.25" customHeight="1" x14ac:dyDescent="0.15"/>
    <row r="9100" ht="14.25" customHeight="1" x14ac:dyDescent="0.15"/>
    <row r="9101" ht="14.25" customHeight="1" x14ac:dyDescent="0.15"/>
    <row r="9102" ht="14.25" customHeight="1" x14ac:dyDescent="0.15"/>
    <row r="9103" ht="14.25" customHeight="1" x14ac:dyDescent="0.15"/>
    <row r="9104" ht="14.25" customHeight="1" x14ac:dyDescent="0.15"/>
    <row r="9105" ht="14.25" customHeight="1" x14ac:dyDescent="0.15"/>
    <row r="9106" ht="14.25" customHeight="1" x14ac:dyDescent="0.15"/>
    <row r="9107" ht="14.25" customHeight="1" x14ac:dyDescent="0.15"/>
    <row r="9108" ht="14.25" customHeight="1" x14ac:dyDescent="0.15"/>
    <row r="9109" ht="14.25" customHeight="1" x14ac:dyDescent="0.15"/>
    <row r="9110" ht="14.25" customHeight="1" x14ac:dyDescent="0.15"/>
    <row r="9111" ht="14.25" customHeight="1" x14ac:dyDescent="0.15"/>
    <row r="9112" ht="14.25" customHeight="1" x14ac:dyDescent="0.15"/>
    <row r="9113" ht="14.25" customHeight="1" x14ac:dyDescent="0.15"/>
    <row r="9114" ht="14.25" customHeight="1" x14ac:dyDescent="0.15"/>
    <row r="9115" ht="14.25" customHeight="1" x14ac:dyDescent="0.15"/>
    <row r="9116" ht="14.25" customHeight="1" x14ac:dyDescent="0.15"/>
    <row r="9117" ht="14.25" customHeight="1" x14ac:dyDescent="0.15"/>
    <row r="9118" ht="14.25" customHeight="1" x14ac:dyDescent="0.15"/>
    <row r="9119" ht="14.25" customHeight="1" x14ac:dyDescent="0.15"/>
    <row r="9120" ht="14.25" customHeight="1" x14ac:dyDescent="0.15"/>
    <row r="9121" ht="14.25" customHeight="1" x14ac:dyDescent="0.15"/>
    <row r="9122" ht="14.25" customHeight="1" x14ac:dyDescent="0.15"/>
    <row r="9123" ht="14.25" customHeight="1" x14ac:dyDescent="0.15"/>
    <row r="9124" ht="14.25" customHeight="1" x14ac:dyDescent="0.15"/>
    <row r="9125" ht="14.25" customHeight="1" x14ac:dyDescent="0.15"/>
    <row r="9126" ht="14.25" customHeight="1" x14ac:dyDescent="0.15"/>
    <row r="9127" ht="14.25" customHeight="1" x14ac:dyDescent="0.15"/>
    <row r="9128" ht="14.25" customHeight="1" x14ac:dyDescent="0.15"/>
    <row r="9129" ht="14.25" customHeight="1" x14ac:dyDescent="0.15"/>
    <row r="9130" ht="14.25" customHeight="1" x14ac:dyDescent="0.15"/>
    <row r="9131" ht="14.25" customHeight="1" x14ac:dyDescent="0.15"/>
    <row r="9132" ht="14.25" customHeight="1" x14ac:dyDescent="0.15"/>
    <row r="9133" ht="14.25" customHeight="1" x14ac:dyDescent="0.15"/>
    <row r="9134" ht="14.25" customHeight="1" x14ac:dyDescent="0.15"/>
    <row r="9135" ht="14.25" customHeight="1" x14ac:dyDescent="0.15"/>
    <row r="9136" ht="14.25" customHeight="1" x14ac:dyDescent="0.15"/>
    <row r="9137" ht="14.25" customHeight="1" x14ac:dyDescent="0.15"/>
    <row r="9138" ht="14.25" customHeight="1" x14ac:dyDescent="0.15"/>
    <row r="9139" ht="14.25" customHeight="1" x14ac:dyDescent="0.15"/>
    <row r="9140" ht="14.25" customHeight="1" x14ac:dyDescent="0.15"/>
    <row r="9141" ht="14.25" customHeight="1" x14ac:dyDescent="0.15"/>
    <row r="9142" ht="14.25" customHeight="1" x14ac:dyDescent="0.15"/>
    <row r="9143" ht="14.25" customHeight="1" x14ac:dyDescent="0.15"/>
    <row r="9144" ht="14.25" customHeight="1" x14ac:dyDescent="0.15"/>
    <row r="9145" ht="14.25" customHeight="1" x14ac:dyDescent="0.15"/>
    <row r="9146" ht="14.25" customHeight="1" x14ac:dyDescent="0.15"/>
    <row r="9147" ht="14.25" customHeight="1" x14ac:dyDescent="0.15"/>
    <row r="9148" ht="14.25" customHeight="1" x14ac:dyDescent="0.15"/>
    <row r="9149" ht="14.25" customHeight="1" x14ac:dyDescent="0.15"/>
    <row r="9150" ht="14.25" customHeight="1" x14ac:dyDescent="0.15"/>
    <row r="9151" ht="14.25" customHeight="1" x14ac:dyDescent="0.15"/>
    <row r="9152" ht="14.25" customHeight="1" x14ac:dyDescent="0.15"/>
    <row r="9153" ht="14.25" customHeight="1" x14ac:dyDescent="0.15"/>
    <row r="9154" ht="14.25" customHeight="1" x14ac:dyDescent="0.15"/>
    <row r="9155" ht="14.25" customHeight="1" x14ac:dyDescent="0.15"/>
    <row r="9156" ht="14.25" customHeight="1" x14ac:dyDescent="0.15"/>
    <row r="9157" ht="14.25" customHeight="1" x14ac:dyDescent="0.15"/>
    <row r="9158" ht="14.25" customHeight="1" x14ac:dyDescent="0.15"/>
    <row r="9159" ht="14.25" customHeight="1" x14ac:dyDescent="0.15"/>
    <row r="9160" ht="14.25" customHeight="1" x14ac:dyDescent="0.15"/>
    <row r="9161" ht="14.25" customHeight="1" x14ac:dyDescent="0.15"/>
    <row r="9162" ht="14.25" customHeight="1" x14ac:dyDescent="0.15"/>
    <row r="9163" ht="14.25" customHeight="1" x14ac:dyDescent="0.15"/>
    <row r="9164" ht="14.25" customHeight="1" x14ac:dyDescent="0.15"/>
    <row r="9165" ht="14.25" customHeight="1" x14ac:dyDescent="0.15"/>
    <row r="9166" ht="14.25" customHeight="1" x14ac:dyDescent="0.15"/>
    <row r="9167" ht="14.25" customHeight="1" x14ac:dyDescent="0.15"/>
    <row r="9168" ht="14.25" customHeight="1" x14ac:dyDescent="0.15"/>
    <row r="9169" ht="14.25" customHeight="1" x14ac:dyDescent="0.15"/>
    <row r="9170" ht="14.25" customHeight="1" x14ac:dyDescent="0.15"/>
    <row r="9171" ht="14.25" customHeight="1" x14ac:dyDescent="0.15"/>
    <row r="9172" ht="14.25" customHeight="1" x14ac:dyDescent="0.15"/>
    <row r="9173" ht="14.25" customHeight="1" x14ac:dyDescent="0.15"/>
    <row r="9174" ht="14.25" customHeight="1" x14ac:dyDescent="0.15"/>
    <row r="9175" ht="14.25" customHeight="1" x14ac:dyDescent="0.15"/>
    <row r="9176" ht="14.25" customHeight="1" x14ac:dyDescent="0.15"/>
    <row r="9177" ht="14.25" customHeight="1" x14ac:dyDescent="0.15"/>
    <row r="9178" ht="14.25" customHeight="1" x14ac:dyDescent="0.15"/>
    <row r="9179" ht="14.25" customHeight="1" x14ac:dyDescent="0.15"/>
    <row r="9180" ht="14.25" customHeight="1" x14ac:dyDescent="0.15"/>
    <row r="9181" ht="14.25" customHeight="1" x14ac:dyDescent="0.15"/>
    <row r="9182" ht="14.25" customHeight="1" x14ac:dyDescent="0.15"/>
    <row r="9183" ht="14.25" customHeight="1" x14ac:dyDescent="0.15"/>
    <row r="9184" ht="14.25" customHeight="1" x14ac:dyDescent="0.15"/>
    <row r="9185" ht="14.25" customHeight="1" x14ac:dyDescent="0.15"/>
    <row r="9186" ht="14.25" customHeight="1" x14ac:dyDescent="0.15"/>
    <row r="9187" ht="14.25" customHeight="1" x14ac:dyDescent="0.15"/>
    <row r="9188" ht="14.25" customHeight="1" x14ac:dyDescent="0.15"/>
    <row r="9189" ht="14.25" customHeight="1" x14ac:dyDescent="0.15"/>
    <row r="9190" ht="14.25" customHeight="1" x14ac:dyDescent="0.15"/>
    <row r="9191" ht="14.25" customHeight="1" x14ac:dyDescent="0.15"/>
    <row r="9192" ht="14.25" customHeight="1" x14ac:dyDescent="0.15"/>
    <row r="9193" ht="14.25" customHeight="1" x14ac:dyDescent="0.15"/>
    <row r="9194" ht="14.25" customHeight="1" x14ac:dyDescent="0.15"/>
    <row r="9195" ht="14.25" customHeight="1" x14ac:dyDescent="0.15"/>
    <row r="9196" ht="14.25" customHeight="1" x14ac:dyDescent="0.15"/>
    <row r="9197" ht="14.25" customHeight="1" x14ac:dyDescent="0.15"/>
    <row r="9198" ht="14.25" customHeight="1" x14ac:dyDescent="0.15"/>
    <row r="9199" ht="14.25" customHeight="1" x14ac:dyDescent="0.15"/>
    <row r="9200" ht="14.25" customHeight="1" x14ac:dyDescent="0.15"/>
    <row r="9201" ht="14.25" customHeight="1" x14ac:dyDescent="0.15"/>
    <row r="9202" ht="14.25" customHeight="1" x14ac:dyDescent="0.15"/>
    <row r="9203" ht="14.25" customHeight="1" x14ac:dyDescent="0.15"/>
    <row r="9204" ht="14.25" customHeight="1" x14ac:dyDescent="0.15"/>
    <row r="9205" ht="14.25" customHeight="1" x14ac:dyDescent="0.15"/>
    <row r="9206" ht="14.25" customHeight="1" x14ac:dyDescent="0.15"/>
    <row r="9207" ht="14.25" customHeight="1" x14ac:dyDescent="0.15"/>
    <row r="9208" ht="14.25" customHeight="1" x14ac:dyDescent="0.15"/>
    <row r="9209" ht="14.25" customHeight="1" x14ac:dyDescent="0.15"/>
    <row r="9210" ht="14.25" customHeight="1" x14ac:dyDescent="0.15"/>
    <row r="9211" ht="14.25" customHeight="1" x14ac:dyDescent="0.15"/>
    <row r="9212" ht="14.25" customHeight="1" x14ac:dyDescent="0.15"/>
    <row r="9213" ht="14.25" customHeight="1" x14ac:dyDescent="0.15"/>
    <row r="9214" ht="14.25" customHeight="1" x14ac:dyDescent="0.15"/>
    <row r="9215" ht="14.25" customHeight="1" x14ac:dyDescent="0.15"/>
    <row r="9216" ht="14.25" customHeight="1" x14ac:dyDescent="0.15"/>
    <row r="9217" ht="14.25" customHeight="1" x14ac:dyDescent="0.15"/>
    <row r="9218" ht="14.25" customHeight="1" x14ac:dyDescent="0.15"/>
    <row r="9219" ht="14.25" customHeight="1" x14ac:dyDescent="0.15"/>
    <row r="9220" ht="14.25" customHeight="1" x14ac:dyDescent="0.15"/>
    <row r="9221" ht="14.25" customHeight="1" x14ac:dyDescent="0.15"/>
    <row r="9222" ht="14.25" customHeight="1" x14ac:dyDescent="0.15"/>
    <row r="9223" ht="14.25" customHeight="1" x14ac:dyDescent="0.15"/>
    <row r="9224" ht="14.25" customHeight="1" x14ac:dyDescent="0.15"/>
    <row r="9225" ht="14.25" customHeight="1" x14ac:dyDescent="0.15"/>
    <row r="9226" ht="14.25" customHeight="1" x14ac:dyDescent="0.15"/>
    <row r="9227" ht="14.25" customHeight="1" x14ac:dyDescent="0.15"/>
    <row r="9228" ht="14.25" customHeight="1" x14ac:dyDescent="0.15"/>
    <row r="9229" ht="14.25" customHeight="1" x14ac:dyDescent="0.15"/>
    <row r="9230" ht="14.25" customHeight="1" x14ac:dyDescent="0.15"/>
    <row r="9231" ht="14.25" customHeight="1" x14ac:dyDescent="0.15"/>
    <row r="9232" ht="14.25" customHeight="1" x14ac:dyDescent="0.15"/>
    <row r="9233" ht="14.25" customHeight="1" x14ac:dyDescent="0.15"/>
    <row r="9234" ht="14.25" customHeight="1" x14ac:dyDescent="0.15"/>
    <row r="9235" ht="14.25" customHeight="1" x14ac:dyDescent="0.15"/>
    <row r="9236" ht="14.25" customHeight="1" x14ac:dyDescent="0.15"/>
    <row r="9237" ht="14.25" customHeight="1" x14ac:dyDescent="0.15"/>
    <row r="9238" ht="14.25" customHeight="1" x14ac:dyDescent="0.15"/>
    <row r="9239" ht="14.25" customHeight="1" x14ac:dyDescent="0.15"/>
    <row r="9240" ht="14.25" customHeight="1" x14ac:dyDescent="0.15"/>
    <row r="9241" ht="14.25" customHeight="1" x14ac:dyDescent="0.15"/>
    <row r="9242" ht="14.25" customHeight="1" x14ac:dyDescent="0.15"/>
    <row r="9243" ht="14.25" customHeight="1" x14ac:dyDescent="0.15"/>
    <row r="9244" ht="14.25" customHeight="1" x14ac:dyDescent="0.15"/>
    <row r="9245" ht="14.25" customHeight="1" x14ac:dyDescent="0.15"/>
    <row r="9246" ht="14.25" customHeight="1" x14ac:dyDescent="0.15"/>
    <row r="9247" ht="14.25" customHeight="1" x14ac:dyDescent="0.15"/>
    <row r="9248" ht="14.25" customHeight="1" x14ac:dyDescent="0.15"/>
    <row r="9249" ht="14.25" customHeight="1" x14ac:dyDescent="0.15"/>
    <row r="9250" ht="14.25" customHeight="1" x14ac:dyDescent="0.15"/>
    <row r="9251" ht="14.25" customHeight="1" x14ac:dyDescent="0.15"/>
    <row r="9252" ht="14.25" customHeight="1" x14ac:dyDescent="0.15"/>
    <row r="9253" ht="14.25" customHeight="1" x14ac:dyDescent="0.15"/>
    <row r="9254" ht="14.25" customHeight="1" x14ac:dyDescent="0.15"/>
    <row r="9255" ht="14.25" customHeight="1" x14ac:dyDescent="0.15"/>
    <row r="9256" ht="14.25" customHeight="1" x14ac:dyDescent="0.15"/>
    <row r="9257" ht="14.25" customHeight="1" x14ac:dyDescent="0.15"/>
    <row r="9258" ht="14.25" customHeight="1" x14ac:dyDescent="0.15"/>
    <row r="9259" ht="14.25" customHeight="1" x14ac:dyDescent="0.15"/>
    <row r="9260" ht="14.25" customHeight="1" x14ac:dyDescent="0.15"/>
    <row r="9261" ht="14.25" customHeight="1" x14ac:dyDescent="0.15"/>
    <row r="9262" ht="14.25" customHeight="1" x14ac:dyDescent="0.15"/>
    <row r="9263" ht="14.25" customHeight="1" x14ac:dyDescent="0.15"/>
    <row r="9264" ht="14.25" customHeight="1" x14ac:dyDescent="0.15"/>
    <row r="9265" ht="14.25" customHeight="1" x14ac:dyDescent="0.15"/>
    <row r="9266" ht="14.25" customHeight="1" x14ac:dyDescent="0.15"/>
    <row r="9267" ht="14.25" customHeight="1" x14ac:dyDescent="0.15"/>
    <row r="9268" ht="14.25" customHeight="1" x14ac:dyDescent="0.15"/>
    <row r="9269" ht="14.25" customHeight="1" x14ac:dyDescent="0.15"/>
    <row r="9270" ht="14.25" customHeight="1" x14ac:dyDescent="0.15"/>
    <row r="9271" ht="14.25" customHeight="1" x14ac:dyDescent="0.15"/>
    <row r="9272" ht="14.25" customHeight="1" x14ac:dyDescent="0.15"/>
    <row r="9273" ht="14.25" customHeight="1" x14ac:dyDescent="0.15"/>
    <row r="9274" ht="14.25" customHeight="1" x14ac:dyDescent="0.15"/>
    <row r="9275" ht="14.25" customHeight="1" x14ac:dyDescent="0.15"/>
    <row r="9276" ht="14.25" customHeight="1" x14ac:dyDescent="0.15"/>
    <row r="9277" ht="14.25" customHeight="1" x14ac:dyDescent="0.15"/>
    <row r="9278" ht="14.25" customHeight="1" x14ac:dyDescent="0.15"/>
    <row r="9279" ht="14.25" customHeight="1" x14ac:dyDescent="0.15"/>
    <row r="9280" ht="14.25" customHeight="1" x14ac:dyDescent="0.15"/>
    <row r="9281" ht="14.25" customHeight="1" x14ac:dyDescent="0.15"/>
    <row r="9282" ht="14.25" customHeight="1" x14ac:dyDescent="0.15"/>
    <row r="9283" ht="14.25" customHeight="1" x14ac:dyDescent="0.15"/>
    <row r="9284" ht="14.25" customHeight="1" x14ac:dyDescent="0.15"/>
    <row r="9285" ht="14.25" customHeight="1" x14ac:dyDescent="0.15"/>
    <row r="9286" ht="14.25" customHeight="1" x14ac:dyDescent="0.15"/>
    <row r="9287" ht="14.25" customHeight="1" x14ac:dyDescent="0.15"/>
    <row r="9288" ht="14.25" customHeight="1" x14ac:dyDescent="0.15"/>
    <row r="9289" ht="14.25" customHeight="1" x14ac:dyDescent="0.15"/>
    <row r="9290" ht="14.25" customHeight="1" x14ac:dyDescent="0.15"/>
    <row r="9291" ht="14.25" customHeight="1" x14ac:dyDescent="0.15"/>
    <row r="9292" ht="14.25" customHeight="1" x14ac:dyDescent="0.15"/>
    <row r="9293" ht="14.25" customHeight="1" x14ac:dyDescent="0.15"/>
    <row r="9294" ht="14.25" customHeight="1" x14ac:dyDescent="0.15"/>
    <row r="9295" ht="14.25" customHeight="1" x14ac:dyDescent="0.15"/>
    <row r="9296" ht="14.25" customHeight="1" x14ac:dyDescent="0.15"/>
    <row r="9297" ht="14.25" customHeight="1" x14ac:dyDescent="0.15"/>
    <row r="9298" ht="14.25" customHeight="1" x14ac:dyDescent="0.15"/>
    <row r="9299" ht="14.25" customHeight="1" x14ac:dyDescent="0.15"/>
    <row r="9300" ht="14.25" customHeight="1" x14ac:dyDescent="0.15"/>
    <row r="9301" ht="14.25" customHeight="1" x14ac:dyDescent="0.15"/>
    <row r="9302" ht="14.25" customHeight="1" x14ac:dyDescent="0.15"/>
    <row r="9303" ht="14.25" customHeight="1" x14ac:dyDescent="0.15"/>
    <row r="9304" ht="14.25" customHeight="1" x14ac:dyDescent="0.15"/>
    <row r="9305" ht="14.25" customHeight="1" x14ac:dyDescent="0.15"/>
    <row r="9306" ht="14.25" customHeight="1" x14ac:dyDescent="0.15"/>
    <row r="9307" ht="14.25" customHeight="1" x14ac:dyDescent="0.15"/>
    <row r="9308" ht="14.25" customHeight="1" x14ac:dyDescent="0.15"/>
    <row r="9309" ht="14.25" customHeight="1" x14ac:dyDescent="0.15"/>
    <row r="9310" ht="14.25" customHeight="1" x14ac:dyDescent="0.15"/>
    <row r="9311" ht="14.25" customHeight="1" x14ac:dyDescent="0.15"/>
    <row r="9312" ht="14.25" customHeight="1" x14ac:dyDescent="0.15"/>
    <row r="9313" ht="14.25" customHeight="1" x14ac:dyDescent="0.15"/>
    <row r="9314" ht="14.25" customHeight="1" x14ac:dyDescent="0.15"/>
    <row r="9315" ht="14.25" customHeight="1" x14ac:dyDescent="0.15"/>
    <row r="9316" ht="14.25" customHeight="1" x14ac:dyDescent="0.15"/>
    <row r="9317" ht="14.25" customHeight="1" x14ac:dyDescent="0.15"/>
    <row r="9318" ht="14.25" customHeight="1" x14ac:dyDescent="0.15"/>
    <row r="9319" ht="14.25" customHeight="1" x14ac:dyDescent="0.15"/>
    <row r="9320" ht="14.25" customHeight="1" x14ac:dyDescent="0.15"/>
    <row r="9321" ht="14.25" customHeight="1" x14ac:dyDescent="0.15"/>
    <row r="9322" ht="14.25" customHeight="1" x14ac:dyDescent="0.15"/>
    <row r="9323" ht="14.25" customHeight="1" x14ac:dyDescent="0.15"/>
    <row r="9324" ht="14.25" customHeight="1" x14ac:dyDescent="0.15"/>
    <row r="9325" ht="14.25" customHeight="1" x14ac:dyDescent="0.15"/>
    <row r="9326" ht="14.25" customHeight="1" x14ac:dyDescent="0.15"/>
    <row r="9327" ht="14.25" customHeight="1" x14ac:dyDescent="0.15"/>
    <row r="9328" ht="14.25" customHeight="1" x14ac:dyDescent="0.15"/>
    <row r="9329" ht="14.25" customHeight="1" x14ac:dyDescent="0.15"/>
    <row r="9330" ht="14.25" customHeight="1" x14ac:dyDescent="0.15"/>
    <row r="9331" ht="14.25" customHeight="1" x14ac:dyDescent="0.15"/>
    <row r="9332" ht="14.25" customHeight="1" x14ac:dyDescent="0.15"/>
    <row r="9333" ht="14.25" customHeight="1" x14ac:dyDescent="0.15"/>
    <row r="9334" ht="14.25" customHeight="1" x14ac:dyDescent="0.15"/>
    <row r="9335" ht="14.25" customHeight="1" x14ac:dyDescent="0.15"/>
    <row r="9336" ht="14.25" customHeight="1" x14ac:dyDescent="0.15"/>
    <row r="9337" ht="14.25" customHeight="1" x14ac:dyDescent="0.15"/>
    <row r="9338" ht="14.25" customHeight="1" x14ac:dyDescent="0.15"/>
    <row r="9339" ht="14.25" customHeight="1" x14ac:dyDescent="0.15"/>
    <row r="9340" ht="14.25" customHeight="1" x14ac:dyDescent="0.15"/>
    <row r="9341" ht="14.25" customHeight="1" x14ac:dyDescent="0.15"/>
    <row r="9342" ht="14.25" customHeight="1" x14ac:dyDescent="0.15"/>
    <row r="9343" ht="14.25" customHeight="1" x14ac:dyDescent="0.15"/>
    <row r="9344" ht="14.25" customHeight="1" x14ac:dyDescent="0.15"/>
    <row r="9345" ht="14.25" customHeight="1" x14ac:dyDescent="0.15"/>
    <row r="9346" ht="14.25" customHeight="1" x14ac:dyDescent="0.15"/>
    <row r="9347" ht="14.25" customHeight="1" x14ac:dyDescent="0.15"/>
    <row r="9348" ht="14.25" customHeight="1" x14ac:dyDescent="0.15"/>
    <row r="9349" ht="14.25" customHeight="1" x14ac:dyDescent="0.15"/>
    <row r="9350" ht="14.25" customHeight="1" x14ac:dyDescent="0.15"/>
    <row r="9351" ht="14.25" customHeight="1" x14ac:dyDescent="0.15"/>
    <row r="9352" ht="14.25" customHeight="1" x14ac:dyDescent="0.15"/>
    <row r="9353" ht="14.25" customHeight="1" x14ac:dyDescent="0.15"/>
    <row r="9354" ht="14.25" customHeight="1" x14ac:dyDescent="0.15"/>
    <row r="9355" ht="14.25" customHeight="1" x14ac:dyDescent="0.15"/>
    <row r="9356" ht="14.25" customHeight="1" x14ac:dyDescent="0.15"/>
    <row r="9357" ht="14.25" customHeight="1" x14ac:dyDescent="0.15"/>
    <row r="9358" ht="14.25" customHeight="1" x14ac:dyDescent="0.15"/>
    <row r="9359" ht="14.25" customHeight="1" x14ac:dyDescent="0.15"/>
    <row r="9360" ht="14.25" customHeight="1" x14ac:dyDescent="0.15"/>
    <row r="9361" ht="14.25" customHeight="1" x14ac:dyDescent="0.15"/>
    <row r="9362" ht="14.25" customHeight="1" x14ac:dyDescent="0.15"/>
    <row r="9363" ht="14.25" customHeight="1" x14ac:dyDescent="0.15"/>
    <row r="9364" ht="14.25" customHeight="1" x14ac:dyDescent="0.15"/>
    <row r="9365" ht="14.25" customHeight="1" x14ac:dyDescent="0.15"/>
    <row r="9366" ht="14.25" customHeight="1" x14ac:dyDescent="0.15"/>
    <row r="9367" ht="14.25" customHeight="1" x14ac:dyDescent="0.15"/>
    <row r="9368" ht="14.25" customHeight="1" x14ac:dyDescent="0.15"/>
    <row r="9369" ht="14.25" customHeight="1" x14ac:dyDescent="0.15"/>
    <row r="9370" ht="14.25" customHeight="1" x14ac:dyDescent="0.15"/>
    <row r="9371" ht="14.25" customHeight="1" x14ac:dyDescent="0.15"/>
    <row r="9372" ht="14.25" customHeight="1" x14ac:dyDescent="0.15"/>
    <row r="9373" ht="14.25" customHeight="1" x14ac:dyDescent="0.15"/>
    <row r="9374" ht="14.25" customHeight="1" x14ac:dyDescent="0.15"/>
    <row r="9375" ht="14.25" customHeight="1" x14ac:dyDescent="0.15"/>
    <row r="9376" ht="14.25" customHeight="1" x14ac:dyDescent="0.15"/>
    <row r="9377" ht="14.25" customHeight="1" x14ac:dyDescent="0.15"/>
    <row r="9378" ht="14.25" customHeight="1" x14ac:dyDescent="0.15"/>
    <row r="9379" ht="14.25" customHeight="1" x14ac:dyDescent="0.15"/>
    <row r="9380" ht="14.25" customHeight="1" x14ac:dyDescent="0.15"/>
    <row r="9381" ht="14.25" customHeight="1" x14ac:dyDescent="0.15"/>
    <row r="9382" ht="14.25" customHeight="1" x14ac:dyDescent="0.15"/>
    <row r="9383" ht="14.25" customHeight="1" x14ac:dyDescent="0.15"/>
    <row r="9384" ht="14.25" customHeight="1" x14ac:dyDescent="0.15"/>
    <row r="9385" ht="14.25" customHeight="1" x14ac:dyDescent="0.15"/>
    <row r="9386" ht="14.25" customHeight="1" x14ac:dyDescent="0.15"/>
    <row r="9387" ht="14.25" customHeight="1" x14ac:dyDescent="0.15"/>
    <row r="9388" ht="14.25" customHeight="1" x14ac:dyDescent="0.15"/>
    <row r="9389" ht="14.25" customHeight="1" x14ac:dyDescent="0.15"/>
    <row r="9390" ht="14.25" customHeight="1" x14ac:dyDescent="0.15"/>
    <row r="9391" ht="14.25" customHeight="1" x14ac:dyDescent="0.15"/>
    <row r="9392" ht="14.25" customHeight="1" x14ac:dyDescent="0.15"/>
    <row r="9393" ht="14.25" customHeight="1" x14ac:dyDescent="0.15"/>
    <row r="9394" ht="14.25" customHeight="1" x14ac:dyDescent="0.15"/>
    <row r="9395" ht="14.25" customHeight="1" x14ac:dyDescent="0.15"/>
    <row r="9396" ht="14.25" customHeight="1" x14ac:dyDescent="0.15"/>
    <row r="9397" ht="14.25" customHeight="1" x14ac:dyDescent="0.15"/>
    <row r="9398" ht="14.25" customHeight="1" x14ac:dyDescent="0.15"/>
    <row r="9399" ht="14.25" customHeight="1" x14ac:dyDescent="0.15"/>
    <row r="9400" ht="14.25" customHeight="1" x14ac:dyDescent="0.15"/>
    <row r="9401" ht="14.25" customHeight="1" x14ac:dyDescent="0.15"/>
    <row r="9402" ht="14.25" customHeight="1" x14ac:dyDescent="0.15"/>
    <row r="9403" ht="14.25" customHeight="1" x14ac:dyDescent="0.15"/>
    <row r="9404" ht="14.25" customHeight="1" x14ac:dyDescent="0.15"/>
    <row r="9405" ht="14.25" customHeight="1" x14ac:dyDescent="0.15"/>
    <row r="9406" ht="14.25" customHeight="1" x14ac:dyDescent="0.15"/>
    <row r="9407" ht="14.25" customHeight="1" x14ac:dyDescent="0.15"/>
    <row r="9408" ht="14.25" customHeight="1" x14ac:dyDescent="0.15"/>
    <row r="9409" ht="14.25" customHeight="1" x14ac:dyDescent="0.15"/>
    <row r="9410" ht="14.25" customHeight="1" x14ac:dyDescent="0.15"/>
    <row r="9411" ht="14.25" customHeight="1" x14ac:dyDescent="0.15"/>
    <row r="9412" ht="14.25" customHeight="1" x14ac:dyDescent="0.15"/>
    <row r="9413" ht="14.25" customHeight="1" x14ac:dyDescent="0.15"/>
    <row r="9414" ht="14.25" customHeight="1" x14ac:dyDescent="0.15"/>
    <row r="9415" ht="14.25" customHeight="1" x14ac:dyDescent="0.15"/>
    <row r="9416" ht="14.25" customHeight="1" x14ac:dyDescent="0.15"/>
    <row r="9417" ht="14.25" customHeight="1" x14ac:dyDescent="0.15"/>
    <row r="9418" ht="14.25" customHeight="1" x14ac:dyDescent="0.15"/>
    <row r="9419" ht="14.25" customHeight="1" x14ac:dyDescent="0.15"/>
    <row r="9420" ht="14.25" customHeight="1" x14ac:dyDescent="0.15"/>
    <row r="9421" ht="14.25" customHeight="1" x14ac:dyDescent="0.15"/>
    <row r="9422" ht="14.25" customHeight="1" x14ac:dyDescent="0.15"/>
    <row r="9423" ht="14.25" customHeight="1" x14ac:dyDescent="0.15"/>
    <row r="9424" ht="14.25" customHeight="1" x14ac:dyDescent="0.15"/>
    <row r="9425" ht="14.25" customHeight="1" x14ac:dyDescent="0.15"/>
    <row r="9426" ht="14.25" customHeight="1" x14ac:dyDescent="0.15"/>
    <row r="9427" ht="14.25" customHeight="1" x14ac:dyDescent="0.15"/>
    <row r="9428" ht="14.25" customHeight="1" x14ac:dyDescent="0.15"/>
    <row r="9429" ht="14.25" customHeight="1" x14ac:dyDescent="0.15"/>
    <row r="9430" ht="14.25" customHeight="1" x14ac:dyDescent="0.15"/>
    <row r="9431" ht="14.25" customHeight="1" x14ac:dyDescent="0.15"/>
    <row r="9432" ht="14.25" customHeight="1" x14ac:dyDescent="0.15"/>
    <row r="9433" ht="14.25" customHeight="1" x14ac:dyDescent="0.15"/>
    <row r="9434" ht="14.25" customHeight="1" x14ac:dyDescent="0.15"/>
    <row r="9435" ht="14.25" customHeight="1" x14ac:dyDescent="0.15"/>
    <row r="9436" ht="14.25" customHeight="1" x14ac:dyDescent="0.15"/>
    <row r="9437" ht="14.25" customHeight="1" x14ac:dyDescent="0.15"/>
    <row r="9438" ht="14.25" customHeight="1" x14ac:dyDescent="0.15"/>
    <row r="9439" ht="14.25" customHeight="1" x14ac:dyDescent="0.15"/>
    <row r="9440" ht="14.25" customHeight="1" x14ac:dyDescent="0.15"/>
    <row r="9441" ht="14.25" customHeight="1" x14ac:dyDescent="0.15"/>
    <row r="9442" ht="14.25" customHeight="1" x14ac:dyDescent="0.15"/>
    <row r="9443" ht="14.25" customHeight="1" x14ac:dyDescent="0.15"/>
    <row r="9444" ht="14.25" customHeight="1" x14ac:dyDescent="0.15"/>
    <row r="9445" ht="14.25" customHeight="1" x14ac:dyDescent="0.15"/>
    <row r="9446" ht="14.25" customHeight="1" x14ac:dyDescent="0.15"/>
    <row r="9447" ht="14.25" customHeight="1" x14ac:dyDescent="0.15"/>
    <row r="9448" ht="14.25" customHeight="1" x14ac:dyDescent="0.15"/>
    <row r="9449" ht="14.25" customHeight="1" x14ac:dyDescent="0.15"/>
    <row r="9450" ht="14.25" customHeight="1" x14ac:dyDescent="0.15"/>
    <row r="9451" ht="14.25" customHeight="1" x14ac:dyDescent="0.15"/>
    <row r="9452" ht="14.25" customHeight="1" x14ac:dyDescent="0.15"/>
    <row r="9453" ht="14.25" customHeight="1" x14ac:dyDescent="0.15"/>
    <row r="9454" ht="14.25" customHeight="1" x14ac:dyDescent="0.15"/>
    <row r="9455" ht="14.25" customHeight="1" x14ac:dyDescent="0.15"/>
    <row r="9456" ht="14.25" customHeight="1" x14ac:dyDescent="0.15"/>
    <row r="9457" ht="14.25" customHeight="1" x14ac:dyDescent="0.15"/>
    <row r="9458" ht="14.25" customHeight="1" x14ac:dyDescent="0.15"/>
    <row r="9459" ht="14.25" customHeight="1" x14ac:dyDescent="0.15"/>
    <row r="9460" ht="14.25" customHeight="1" x14ac:dyDescent="0.15"/>
    <row r="9461" ht="14.25" customHeight="1" x14ac:dyDescent="0.15"/>
    <row r="9462" ht="14.25" customHeight="1" x14ac:dyDescent="0.15"/>
    <row r="9463" ht="14.25" customHeight="1" x14ac:dyDescent="0.15"/>
    <row r="9464" ht="14.25" customHeight="1" x14ac:dyDescent="0.15"/>
    <row r="9465" ht="14.25" customHeight="1" x14ac:dyDescent="0.15"/>
    <row r="9466" ht="14.25" customHeight="1" x14ac:dyDescent="0.15"/>
    <row r="9467" ht="14.25" customHeight="1" x14ac:dyDescent="0.15"/>
    <row r="9468" ht="14.25" customHeight="1" x14ac:dyDescent="0.15"/>
    <row r="9469" ht="14.25" customHeight="1" x14ac:dyDescent="0.15"/>
    <row r="9470" ht="14.25" customHeight="1" x14ac:dyDescent="0.15"/>
    <row r="9471" ht="14.25" customHeight="1" x14ac:dyDescent="0.15"/>
    <row r="9472" ht="14.25" customHeight="1" x14ac:dyDescent="0.15"/>
    <row r="9473" ht="14.25" customHeight="1" x14ac:dyDescent="0.15"/>
    <row r="9474" ht="14.25" customHeight="1" x14ac:dyDescent="0.15"/>
    <row r="9475" ht="14.25" customHeight="1" x14ac:dyDescent="0.15"/>
    <row r="9476" ht="14.25" customHeight="1" x14ac:dyDescent="0.15"/>
    <row r="9477" ht="14.25" customHeight="1" x14ac:dyDescent="0.15"/>
    <row r="9478" ht="14.25" customHeight="1" x14ac:dyDescent="0.15"/>
    <row r="9479" ht="14.25" customHeight="1" x14ac:dyDescent="0.15"/>
    <row r="9480" ht="14.25" customHeight="1" x14ac:dyDescent="0.15"/>
    <row r="9481" ht="14.25" customHeight="1" x14ac:dyDescent="0.15"/>
    <row r="9482" ht="14.25" customHeight="1" x14ac:dyDescent="0.15"/>
    <row r="9483" ht="14.25" customHeight="1" x14ac:dyDescent="0.15"/>
    <row r="9484" ht="14.25" customHeight="1" x14ac:dyDescent="0.15"/>
    <row r="9485" ht="14.25" customHeight="1" x14ac:dyDescent="0.15"/>
    <row r="9486" ht="14.25" customHeight="1" x14ac:dyDescent="0.15"/>
    <row r="9487" ht="14.25" customHeight="1" x14ac:dyDescent="0.15"/>
    <row r="9488" ht="14.25" customHeight="1" x14ac:dyDescent="0.15"/>
    <row r="9489" ht="14.25" customHeight="1" x14ac:dyDescent="0.15"/>
    <row r="9490" ht="14.25" customHeight="1" x14ac:dyDescent="0.15"/>
    <row r="9491" ht="14.25" customHeight="1" x14ac:dyDescent="0.15"/>
    <row r="9492" ht="14.25" customHeight="1" x14ac:dyDescent="0.15"/>
    <row r="9493" ht="14.25" customHeight="1" x14ac:dyDescent="0.15"/>
    <row r="9494" ht="14.25" customHeight="1" x14ac:dyDescent="0.15"/>
    <row r="9495" ht="14.25" customHeight="1" x14ac:dyDescent="0.15"/>
    <row r="9496" ht="14.25" customHeight="1" x14ac:dyDescent="0.15"/>
    <row r="9497" ht="14.25" customHeight="1" x14ac:dyDescent="0.15"/>
    <row r="9498" ht="14.25" customHeight="1" x14ac:dyDescent="0.15"/>
    <row r="9499" ht="14.25" customHeight="1" x14ac:dyDescent="0.15"/>
    <row r="9500" ht="14.25" customHeight="1" x14ac:dyDescent="0.15"/>
    <row r="9501" ht="14.25" customHeight="1" x14ac:dyDescent="0.15"/>
    <row r="9502" ht="14.25" customHeight="1" x14ac:dyDescent="0.15"/>
    <row r="9503" ht="14.25" customHeight="1" x14ac:dyDescent="0.15"/>
    <row r="9504" ht="14.25" customHeight="1" x14ac:dyDescent="0.15"/>
    <row r="9505" ht="14.25" customHeight="1" x14ac:dyDescent="0.15"/>
    <row r="9506" ht="14.25" customHeight="1" x14ac:dyDescent="0.15"/>
    <row r="9507" ht="14.25" customHeight="1" x14ac:dyDescent="0.15"/>
    <row r="9508" ht="14.25" customHeight="1" x14ac:dyDescent="0.15"/>
    <row r="9509" ht="14.25" customHeight="1" x14ac:dyDescent="0.15"/>
    <row r="9510" ht="14.25" customHeight="1" x14ac:dyDescent="0.15"/>
    <row r="9511" ht="14.25" customHeight="1" x14ac:dyDescent="0.15"/>
    <row r="9512" ht="14.25" customHeight="1" x14ac:dyDescent="0.15"/>
    <row r="9513" ht="14.25" customHeight="1" x14ac:dyDescent="0.15"/>
    <row r="9514" ht="14.25" customHeight="1" x14ac:dyDescent="0.15"/>
    <row r="9515" ht="14.25" customHeight="1" x14ac:dyDescent="0.15"/>
    <row r="9516" ht="14.25" customHeight="1" x14ac:dyDescent="0.15"/>
    <row r="9517" ht="14.25" customHeight="1" x14ac:dyDescent="0.15"/>
    <row r="9518" ht="14.25" customHeight="1" x14ac:dyDescent="0.15"/>
    <row r="9519" ht="14.25" customHeight="1" x14ac:dyDescent="0.15"/>
    <row r="9520" ht="14.25" customHeight="1" x14ac:dyDescent="0.15"/>
    <row r="9521" ht="14.25" customHeight="1" x14ac:dyDescent="0.15"/>
    <row r="9522" ht="14.25" customHeight="1" x14ac:dyDescent="0.15"/>
    <row r="9523" ht="14.25" customHeight="1" x14ac:dyDescent="0.15"/>
    <row r="9524" ht="14.25" customHeight="1" x14ac:dyDescent="0.15"/>
    <row r="9525" ht="14.25" customHeight="1" x14ac:dyDescent="0.15"/>
    <row r="9526" ht="14.25" customHeight="1" x14ac:dyDescent="0.15"/>
    <row r="9527" ht="14.25" customHeight="1" x14ac:dyDescent="0.15"/>
    <row r="9528" ht="14.25" customHeight="1" x14ac:dyDescent="0.15"/>
    <row r="9529" ht="14.25" customHeight="1" x14ac:dyDescent="0.15"/>
    <row r="9530" ht="14.25" customHeight="1" x14ac:dyDescent="0.15"/>
    <row r="9531" ht="14.25" customHeight="1" x14ac:dyDescent="0.15"/>
    <row r="9532" ht="14.25" customHeight="1" x14ac:dyDescent="0.15"/>
    <row r="9533" ht="14.25" customHeight="1" x14ac:dyDescent="0.15"/>
    <row r="9534" ht="14.25" customHeight="1" x14ac:dyDescent="0.15"/>
    <row r="9535" ht="14.25" customHeight="1" x14ac:dyDescent="0.15"/>
    <row r="9536" ht="14.25" customHeight="1" x14ac:dyDescent="0.15"/>
    <row r="9537" ht="14.25" customHeight="1" x14ac:dyDescent="0.15"/>
    <row r="9538" ht="14.25" customHeight="1" x14ac:dyDescent="0.15"/>
    <row r="9539" ht="14.25" customHeight="1" x14ac:dyDescent="0.15"/>
    <row r="9540" ht="14.25" customHeight="1" x14ac:dyDescent="0.15"/>
    <row r="9541" ht="14.25" customHeight="1" x14ac:dyDescent="0.15"/>
    <row r="9542" ht="14.25" customHeight="1" x14ac:dyDescent="0.15"/>
    <row r="9543" ht="14.25" customHeight="1" x14ac:dyDescent="0.15"/>
    <row r="9544" ht="14.25" customHeight="1" x14ac:dyDescent="0.15"/>
    <row r="9545" ht="14.25" customHeight="1" x14ac:dyDescent="0.15"/>
    <row r="9546" ht="14.25" customHeight="1" x14ac:dyDescent="0.15"/>
    <row r="9547" ht="14.25" customHeight="1" x14ac:dyDescent="0.15"/>
    <row r="9548" ht="14.25" customHeight="1" x14ac:dyDescent="0.15"/>
    <row r="9549" ht="14.25" customHeight="1" x14ac:dyDescent="0.15"/>
    <row r="9550" ht="14.25" customHeight="1" x14ac:dyDescent="0.15"/>
    <row r="9551" ht="14.25" customHeight="1" x14ac:dyDescent="0.15"/>
    <row r="9552" ht="14.25" customHeight="1" x14ac:dyDescent="0.15"/>
    <row r="9553" ht="14.25" customHeight="1" x14ac:dyDescent="0.15"/>
    <row r="9554" ht="14.25" customHeight="1" x14ac:dyDescent="0.15"/>
    <row r="9555" ht="14.25" customHeight="1" x14ac:dyDescent="0.15"/>
    <row r="9556" ht="14.25" customHeight="1" x14ac:dyDescent="0.15"/>
    <row r="9557" ht="14.25" customHeight="1" x14ac:dyDescent="0.15"/>
    <row r="9558" ht="14.25" customHeight="1" x14ac:dyDescent="0.15"/>
    <row r="9559" ht="14.25" customHeight="1" x14ac:dyDescent="0.15"/>
    <row r="9560" ht="14.25" customHeight="1" x14ac:dyDescent="0.15"/>
    <row r="9561" ht="14.25" customHeight="1" x14ac:dyDescent="0.15"/>
    <row r="9562" ht="14.25" customHeight="1" x14ac:dyDescent="0.15"/>
    <row r="9563" ht="14.25" customHeight="1" x14ac:dyDescent="0.15"/>
    <row r="9564" ht="14.25" customHeight="1" x14ac:dyDescent="0.15"/>
    <row r="9565" ht="14.25" customHeight="1" x14ac:dyDescent="0.15"/>
    <row r="9566" ht="14.25" customHeight="1" x14ac:dyDescent="0.15"/>
    <row r="9567" ht="14.25" customHeight="1" x14ac:dyDescent="0.15"/>
    <row r="9568" ht="14.25" customHeight="1" x14ac:dyDescent="0.15"/>
    <row r="9569" ht="14.25" customHeight="1" x14ac:dyDescent="0.15"/>
    <row r="9570" ht="14.25" customHeight="1" x14ac:dyDescent="0.15"/>
    <row r="9571" ht="14.25" customHeight="1" x14ac:dyDescent="0.15"/>
    <row r="9572" ht="14.25" customHeight="1" x14ac:dyDescent="0.15"/>
    <row r="9573" ht="14.25" customHeight="1" x14ac:dyDescent="0.15"/>
    <row r="9574" ht="14.25" customHeight="1" x14ac:dyDescent="0.15"/>
    <row r="9575" ht="14.25" customHeight="1" x14ac:dyDescent="0.15"/>
    <row r="9576" ht="14.25" customHeight="1" x14ac:dyDescent="0.15"/>
    <row r="9577" ht="14.25" customHeight="1" x14ac:dyDescent="0.15"/>
    <row r="9578" ht="14.25" customHeight="1" x14ac:dyDescent="0.15"/>
    <row r="9579" ht="14.25" customHeight="1" x14ac:dyDescent="0.15"/>
    <row r="9580" ht="14.25" customHeight="1" x14ac:dyDescent="0.15"/>
    <row r="9581" ht="14.25" customHeight="1" x14ac:dyDescent="0.15"/>
    <row r="9582" ht="14.25" customHeight="1" x14ac:dyDescent="0.15"/>
    <row r="9583" ht="14.25" customHeight="1" x14ac:dyDescent="0.15"/>
    <row r="9584" ht="14.25" customHeight="1" x14ac:dyDescent="0.15"/>
    <row r="9585" ht="14.25" customHeight="1" x14ac:dyDescent="0.15"/>
    <row r="9586" ht="14.25" customHeight="1" x14ac:dyDescent="0.15"/>
    <row r="9587" ht="14.25" customHeight="1" x14ac:dyDescent="0.15"/>
    <row r="9588" ht="14.25" customHeight="1" x14ac:dyDescent="0.15"/>
    <row r="9589" ht="14.25" customHeight="1" x14ac:dyDescent="0.15"/>
    <row r="9590" ht="14.25" customHeight="1" x14ac:dyDescent="0.15"/>
    <row r="9591" ht="14.25" customHeight="1" x14ac:dyDescent="0.15"/>
    <row r="9592" ht="14.25" customHeight="1" x14ac:dyDescent="0.15"/>
    <row r="9593" ht="14.25" customHeight="1" x14ac:dyDescent="0.15"/>
    <row r="9594" ht="14.25" customHeight="1" x14ac:dyDescent="0.15"/>
    <row r="9595" ht="14.25" customHeight="1" x14ac:dyDescent="0.15"/>
    <row r="9596" ht="14.25" customHeight="1" x14ac:dyDescent="0.15"/>
    <row r="9597" ht="14.25" customHeight="1" x14ac:dyDescent="0.15"/>
    <row r="9598" ht="14.25" customHeight="1" x14ac:dyDescent="0.15"/>
    <row r="9599" ht="14.25" customHeight="1" x14ac:dyDescent="0.15"/>
    <row r="9600" ht="14.25" customHeight="1" x14ac:dyDescent="0.15"/>
    <row r="9601" ht="14.25" customHeight="1" x14ac:dyDescent="0.15"/>
    <row r="9602" ht="14.25" customHeight="1" x14ac:dyDescent="0.15"/>
    <row r="9603" ht="14.25" customHeight="1" x14ac:dyDescent="0.15"/>
    <row r="9604" ht="14.25" customHeight="1" x14ac:dyDescent="0.15"/>
    <row r="9605" ht="14.25" customHeight="1" x14ac:dyDescent="0.15"/>
    <row r="9606" ht="14.25" customHeight="1" x14ac:dyDescent="0.15"/>
    <row r="9607" ht="14.25" customHeight="1" x14ac:dyDescent="0.15"/>
    <row r="9608" ht="14.25" customHeight="1" x14ac:dyDescent="0.15"/>
    <row r="9609" ht="14.25" customHeight="1" x14ac:dyDescent="0.15"/>
    <row r="9610" ht="14.25" customHeight="1" x14ac:dyDescent="0.15"/>
    <row r="9611" ht="14.25" customHeight="1" x14ac:dyDescent="0.15"/>
    <row r="9612" ht="14.25" customHeight="1" x14ac:dyDescent="0.15"/>
    <row r="9613" ht="14.25" customHeight="1" x14ac:dyDescent="0.15"/>
    <row r="9614" ht="14.25" customHeight="1" x14ac:dyDescent="0.15"/>
    <row r="9615" ht="14.25" customHeight="1" x14ac:dyDescent="0.15"/>
    <row r="9616" ht="14.25" customHeight="1" x14ac:dyDescent="0.15"/>
    <row r="9617" ht="14.25" customHeight="1" x14ac:dyDescent="0.15"/>
    <row r="9618" ht="14.25" customHeight="1" x14ac:dyDescent="0.15"/>
    <row r="9619" ht="14.25" customHeight="1" x14ac:dyDescent="0.15"/>
    <row r="9620" ht="14.25" customHeight="1" x14ac:dyDescent="0.15"/>
    <row r="9621" ht="14.25" customHeight="1" x14ac:dyDescent="0.15"/>
    <row r="9622" ht="14.25" customHeight="1" x14ac:dyDescent="0.15"/>
    <row r="9623" ht="14.25" customHeight="1" x14ac:dyDescent="0.15"/>
    <row r="9624" ht="14.25" customHeight="1" x14ac:dyDescent="0.15"/>
    <row r="9625" ht="14.25" customHeight="1" x14ac:dyDescent="0.15"/>
    <row r="9626" ht="14.25" customHeight="1" x14ac:dyDescent="0.15"/>
    <row r="9627" ht="14.25" customHeight="1" x14ac:dyDescent="0.15"/>
    <row r="9628" ht="14.25" customHeight="1" x14ac:dyDescent="0.15"/>
    <row r="9629" ht="14.25" customHeight="1" x14ac:dyDescent="0.15"/>
    <row r="9630" ht="14.25" customHeight="1" x14ac:dyDescent="0.15"/>
    <row r="9631" ht="14.25" customHeight="1" x14ac:dyDescent="0.15"/>
    <row r="9632" ht="14.25" customHeight="1" x14ac:dyDescent="0.15"/>
    <row r="9633" ht="14.25" customHeight="1" x14ac:dyDescent="0.15"/>
    <row r="9634" ht="14.25" customHeight="1" x14ac:dyDescent="0.15"/>
    <row r="9635" ht="14.25" customHeight="1" x14ac:dyDescent="0.15"/>
    <row r="9636" ht="14.25" customHeight="1" x14ac:dyDescent="0.15"/>
    <row r="9637" ht="14.25" customHeight="1" x14ac:dyDescent="0.15"/>
    <row r="9638" ht="14.25" customHeight="1" x14ac:dyDescent="0.15"/>
    <row r="9639" ht="14.25" customHeight="1" x14ac:dyDescent="0.15"/>
    <row r="9640" ht="14.25" customHeight="1" x14ac:dyDescent="0.15"/>
    <row r="9641" ht="14.25" customHeight="1" x14ac:dyDescent="0.15"/>
    <row r="9642" ht="14.25" customHeight="1" x14ac:dyDescent="0.15"/>
    <row r="9643" ht="14.25" customHeight="1" x14ac:dyDescent="0.15"/>
    <row r="9644" ht="14.25" customHeight="1" x14ac:dyDescent="0.15"/>
    <row r="9645" ht="14.25" customHeight="1" x14ac:dyDescent="0.15"/>
    <row r="9646" ht="14.25" customHeight="1" x14ac:dyDescent="0.15"/>
    <row r="9647" ht="14.25" customHeight="1" x14ac:dyDescent="0.15"/>
    <row r="9648" ht="14.25" customHeight="1" x14ac:dyDescent="0.15"/>
    <row r="9649" ht="14.25" customHeight="1" x14ac:dyDescent="0.15"/>
    <row r="9650" ht="14.25" customHeight="1" x14ac:dyDescent="0.15"/>
    <row r="9651" ht="14.25" customHeight="1" x14ac:dyDescent="0.15"/>
    <row r="9652" ht="14.25" customHeight="1" x14ac:dyDescent="0.15"/>
    <row r="9653" ht="14.25" customHeight="1" x14ac:dyDescent="0.15"/>
    <row r="9654" ht="14.25" customHeight="1" x14ac:dyDescent="0.15"/>
    <row r="9655" ht="14.25" customHeight="1" x14ac:dyDescent="0.15"/>
    <row r="9656" ht="14.25" customHeight="1" x14ac:dyDescent="0.15"/>
    <row r="9657" ht="14.25" customHeight="1" x14ac:dyDescent="0.15"/>
    <row r="9658" ht="14.25" customHeight="1" x14ac:dyDescent="0.15"/>
    <row r="9659" ht="14.25" customHeight="1" x14ac:dyDescent="0.15"/>
    <row r="9660" ht="14.25" customHeight="1" x14ac:dyDescent="0.15"/>
    <row r="9661" ht="14.25" customHeight="1" x14ac:dyDescent="0.15"/>
    <row r="9662" ht="14.25" customHeight="1" x14ac:dyDescent="0.15"/>
    <row r="9663" ht="14.25" customHeight="1" x14ac:dyDescent="0.15"/>
    <row r="9664" ht="14.25" customHeight="1" x14ac:dyDescent="0.15"/>
    <row r="9665" ht="14.25" customHeight="1" x14ac:dyDescent="0.15"/>
    <row r="9666" ht="14.25" customHeight="1" x14ac:dyDescent="0.15"/>
    <row r="9667" ht="14.25" customHeight="1" x14ac:dyDescent="0.15"/>
    <row r="9668" ht="14.25" customHeight="1" x14ac:dyDescent="0.15"/>
    <row r="9669" ht="14.25" customHeight="1" x14ac:dyDescent="0.15"/>
  </sheetData>
  <autoFilter ref="A3:F58" xr:uid="{F251B913-EF56-48C7-972F-35D2984A7D27}"/>
  <mergeCells count="3">
    <mergeCell ref="A2:A3"/>
    <mergeCell ref="B2:E2"/>
    <mergeCell ref="F2:F3"/>
  </mergeCells>
  <phoneticPr fontId="2"/>
  <pageMargins left="0.7" right="0.7" top="0.75" bottom="0.75" header="0.3" footer="0.3"/>
  <pageSetup paperSize="9" scale="54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協力難病指定医一覧</vt:lpstr>
      <vt:lpstr>協力難病指定医一覧!Print_Area</vt:lpstr>
    </vt:vector>
  </TitlesOfParts>
  <Company>Kanagawa Prefectural Govern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朋子</dc:creator>
  <cp:lastModifiedBy>user</cp:lastModifiedBy>
  <dcterms:created xsi:type="dcterms:W3CDTF">2026-02-02T04:40:14Z</dcterms:created>
  <dcterms:modified xsi:type="dcterms:W3CDTF">2026-02-04T05:24:15Z</dcterms:modified>
</cp:coreProperties>
</file>